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notesSlides/notesSlide3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17"/>
  </p:sldMasterIdLst>
  <p:notesMasterIdLst>
    <p:notesMasterId r:id="rId25"/>
  </p:notesMasterIdLst>
  <p:sldIdLst>
    <p:sldId id="362" r:id="rId18"/>
    <p:sldId id="2147469497" r:id="rId19"/>
    <p:sldId id="2147469502" r:id="rId20"/>
    <p:sldId id="2147469500" r:id="rId21"/>
    <p:sldId id="2147469501" r:id="rId22"/>
    <p:sldId id="2147469498" r:id="rId23"/>
    <p:sldId id="2147469499" r:id="rId2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AF3EBF36-3FFB-4362-BF5E-4CB1C12A8008}">
          <p14:sldIdLst>
            <p14:sldId id="362"/>
          </p14:sldIdLst>
        </p14:section>
        <p14:section name="Internal Slides" id="{52CA3AC5-C5F5-4A3F-9B13-3378FF778D18}">
          <p14:sldIdLst>
            <p14:sldId id="2147469497"/>
            <p14:sldId id="2147469502"/>
            <p14:sldId id="2147469500"/>
            <p14:sldId id="2147469501"/>
            <p14:sldId id="2147469498"/>
            <p14:sldId id="2147469499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3FB4"/>
    <a:srgbClr val="FF820A"/>
    <a:srgbClr val="FFB500"/>
    <a:srgbClr val="B378F4"/>
    <a:srgbClr val="2F8C16"/>
    <a:srgbClr val="80C4FF"/>
    <a:srgbClr val="3F3B3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3616B53-4A77-42AC-97E5-44FF6365CA1A}" v="20" dt="2025-06-05T05:56:53.875"/>
  </p1510:revLst>
</p1510:revInfo>
</file>

<file path=ppt/tableStyles.xml><?xml version="1.0" encoding="utf-8"?>
<a:tblStyleLst xmlns:a="http://schemas.openxmlformats.org/drawingml/2006/main" def="{5C22544A-7EE6-4342-B048-85BDC9FD1C3A}">
  <a:tblStyle styleId="{0817EA92-75D0-4044-A80A-286907CE0DDB}" styleName="Custom Table Style">
    <a:wholeTbl>
      <a:tcTxStyle>
        <a:fontRef idx="minor">
          <a:prstClr val="black"/>
        </a:fontRef>
        <a:schemeClr val="dk1"/>
      </a:tcTxStyle>
      <a:tcStyle>
        <a:tcBdr>
          <a:left>
            <a:ln w="0" cmpd="sng">
              <a:solidFill>
                <a:schemeClr val="bg1"/>
              </a:solidFill>
            </a:ln>
          </a:left>
          <a:right>
            <a:ln w="0" cmpd="sng">
              <a:solidFill>
                <a:schemeClr val="bg1"/>
              </a:solidFill>
            </a:ln>
          </a:right>
          <a:top>
            <a:ln w="28575" cmpd="sng">
              <a:solidFill>
                <a:schemeClr val="dk1"/>
              </a:solidFill>
            </a:ln>
          </a:top>
          <a:bottom>
            <a:ln w="0" cmpd="sng">
              <a:solidFill>
                <a:schemeClr val="bg1"/>
              </a:solidFill>
            </a:ln>
          </a:bottom>
          <a:insideH>
            <a:ln w="0" cmpd="sng">
              <a:solidFill>
                <a:schemeClr val="bg1"/>
              </a:solidFill>
            </a:ln>
          </a:insideH>
          <a:insideV>
            <a:ln w="0" cmpd="sng">
              <a:solidFill>
                <a:schemeClr val="bg1"/>
              </a:solidFill>
            </a:ln>
          </a:insideV>
        </a:tcBdr>
        <a:fill>
          <a:solidFill>
            <a:srgbClr val="FFFFFF"/>
          </a:solidFill>
        </a:fill>
      </a:tcStyle>
    </a:wholeTbl>
    <a:band1H>
      <a:tcStyle>
        <a:tcBdr/>
        <a:fill>
          <a:solidFill>
            <a:schemeClr val="accent6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FFFFFF"/>
          </a:solidFill>
        </a:fill>
      </a:tcStyle>
    </a:band1V>
    <a:band2V>
      <a:tcStyle>
        <a:tcBdr/>
      </a:tcStyle>
    </a:band2V>
    <a:la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lastCol>
    <a:fir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firstCol>
    <a:lastRow>
      <a:tcTxStyle>
        <a:fontRef idx="minor">
          <a:prstClr val="black"/>
        </a:fontRef>
        <a:schemeClr val="dk1"/>
      </a:tcTxStyle>
      <a:tcStyle>
        <a:tcBdr>
          <a:top>
            <a:ln w="0" cmpd="sng">
              <a:solidFill>
                <a:schemeClr val="lt1"/>
              </a:solidFill>
            </a:ln>
          </a:top>
        </a:tcBdr>
        <a:fill>
          <a:solidFill>
            <a:srgbClr val="FFFFFF"/>
          </a:solidFill>
        </a:fill>
      </a:tcStyle>
    </a:lastRow>
    <a:firstRow>
      <a:tcTxStyle>
        <a:fontRef idx="minor">
          <a:prstClr val="black"/>
        </a:fontRef>
        <a:schemeClr val="dk1"/>
      </a:tcTxStyle>
      <a:tcStyle>
        <a:tcBdr>
          <a:bottom>
            <a:ln w="0" cmpd="sng">
              <a:solidFill>
                <a:schemeClr val="lt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3792" autoAdjust="0"/>
  </p:normalViewPr>
  <p:slideViewPr>
    <p:cSldViewPr snapToGrid="0" showGuides="1">
      <p:cViewPr varScale="1">
        <p:scale>
          <a:sx n="96" d="100"/>
          <a:sy n="96" d="100"/>
        </p:scale>
        <p:origin x="78" y="43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viewProps" Target="viewProps.xml"/><Relationship Id="rId30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Chidharth M" userId="8c09c98b-cca2-4412-88c5-5aa1c81f9f7f" providerId="ADAL" clId="{A9BBB651-3AAD-4D55-B7CA-494EFA0B013F}"/>
    <pc:docChg chg="undo redo custSel modSld modMainMaster">
      <pc:chgData name="Chidharth M" userId="8c09c98b-cca2-4412-88c5-5aa1c81f9f7f" providerId="ADAL" clId="{A9BBB651-3AAD-4D55-B7CA-494EFA0B013F}" dt="2025-05-20T06:02:06.300" v="293" actId="20577"/>
      <pc:docMkLst>
        <pc:docMk/>
      </pc:docMkLst>
      <pc:sldChg chg="modSp mod">
        <pc:chgData name="Chidharth M" userId="8c09c98b-cca2-4412-88c5-5aa1c81f9f7f" providerId="ADAL" clId="{A9BBB651-3AAD-4D55-B7CA-494EFA0B013F}" dt="2025-05-20T06:02:05.114" v="273"/>
        <pc:sldMkLst>
          <pc:docMk/>
          <pc:sldMk cId="3860401163" sldId="362"/>
        </pc:sldMkLst>
        <pc:picChg chg="mod modVis">
          <ac:chgData name="Chidharth M" userId="8c09c98b-cca2-4412-88c5-5aa1c81f9f7f" providerId="ADAL" clId="{A9BBB651-3AAD-4D55-B7CA-494EFA0B013F}" dt="2025-05-20T06:02:05.056" v="253"/>
          <ac:picMkLst>
            <pc:docMk/>
            <pc:sldMk cId="3860401163" sldId="362"/>
            <ac:picMk id="2" creationId="{DFFF66F8-88E3-1412-04A3-7489FBD742BA}"/>
          </ac:picMkLst>
        </pc:picChg>
        <pc:picChg chg="mod modVis">
          <ac:chgData name="Chidharth M" userId="8c09c98b-cca2-4412-88c5-5aa1c81f9f7f" providerId="ADAL" clId="{A9BBB651-3AAD-4D55-B7CA-494EFA0B013F}" dt="2025-05-20T06:02:05.114" v="273"/>
          <ac:picMkLst>
            <pc:docMk/>
            <pc:sldMk cId="3860401163" sldId="362"/>
            <ac:picMk id="6" creationId="{72956BF2-93AA-B21F-DF27-BC3A4C8CC2AF}"/>
          </ac:picMkLst>
        </pc:picChg>
        <pc:picChg chg="mod modVis">
          <ac:chgData name="Chidharth M" userId="8c09c98b-cca2-4412-88c5-5aa1c81f9f7f" providerId="ADAL" clId="{A9BBB651-3AAD-4D55-B7CA-494EFA0B013F}" dt="2025-05-20T06:02:05.018" v="243"/>
          <ac:picMkLst>
            <pc:docMk/>
            <pc:sldMk cId="3860401163" sldId="362"/>
            <ac:picMk id="7" creationId="{8B508643-C6A6-C998-4518-C6E4C29ED0F4}"/>
          </ac:picMkLst>
        </pc:picChg>
        <pc:picChg chg="mod modVis">
          <ac:chgData name="Chidharth M" userId="8c09c98b-cca2-4412-88c5-5aa1c81f9f7f" providerId="ADAL" clId="{A9BBB651-3AAD-4D55-B7CA-494EFA0B013F}" dt="2025-05-20T06:02:05.089" v="263"/>
          <ac:picMkLst>
            <pc:docMk/>
            <pc:sldMk cId="3860401163" sldId="362"/>
            <ac:picMk id="9" creationId="{BCA8BE40-F242-8DCF-E0F5-B73A0FE022F2}"/>
          </ac:picMkLst>
        </pc:picChg>
      </pc:sldChg>
      <pc:sldChg chg="addSp delSp modSp mod">
        <pc:chgData name="Chidharth M" userId="8c09c98b-cca2-4412-88c5-5aa1c81f9f7f" providerId="ADAL" clId="{A9BBB651-3AAD-4D55-B7CA-494EFA0B013F}" dt="2025-05-20T06:01:06.186" v="241" actId="14100"/>
        <pc:sldMkLst>
          <pc:docMk/>
          <pc:sldMk cId="3036658114" sldId="2147469501"/>
        </pc:sldMkLst>
        <pc:graphicFrameChg chg="add mod modGraphic">
          <ac:chgData name="Chidharth M" userId="8c09c98b-cca2-4412-88c5-5aa1c81f9f7f" providerId="ADAL" clId="{A9BBB651-3AAD-4D55-B7CA-494EFA0B013F}" dt="2025-05-20T06:01:06.186" v="241" actId="14100"/>
          <ac:graphicFrameMkLst>
            <pc:docMk/>
            <pc:sldMk cId="3036658114" sldId="2147469501"/>
            <ac:graphicFrameMk id="8" creationId="{5DF3B49A-D34F-5B06-5919-D89189CA8A8A}"/>
          </ac:graphicFrameMkLst>
        </pc:graphicFrameChg>
        <pc:graphicFrameChg chg="mod">
          <ac:chgData name="Chidharth M" userId="8c09c98b-cca2-4412-88c5-5aa1c81f9f7f" providerId="ADAL" clId="{A9BBB651-3AAD-4D55-B7CA-494EFA0B013F}" dt="2025-05-20T05:57:16.168" v="178" actId="1076"/>
          <ac:graphicFrameMkLst>
            <pc:docMk/>
            <pc:sldMk cId="3036658114" sldId="2147469501"/>
            <ac:graphicFrameMk id="12" creationId="{20853B63-1066-78CE-E356-2DE6FA531CAD}"/>
          </ac:graphicFrameMkLst>
        </pc:graphicFrameChg>
      </pc:sldChg>
      <pc:sldMasterChg chg="modSp mod modSldLayout">
        <pc:chgData name="Chidharth M" userId="8c09c98b-cca2-4412-88c5-5aa1c81f9f7f" providerId="ADAL" clId="{A9BBB651-3AAD-4D55-B7CA-494EFA0B013F}" dt="2025-05-20T06:02:06.300" v="293" actId="20577"/>
        <pc:sldMasterMkLst>
          <pc:docMk/>
          <pc:sldMasterMk cId="4215938510" sldId="2147483648"/>
        </pc:sldMasterMkLst>
        <pc:spChg chg="mod">
          <ac:chgData name="Chidharth M" userId="8c09c98b-cca2-4412-88c5-5aa1c81f9f7f" providerId="ADAL" clId="{A9BBB651-3AAD-4D55-B7CA-494EFA0B013F}" dt="2025-05-20T06:02:06.276" v="282" actId="20577"/>
          <ac:spMkLst>
            <pc:docMk/>
            <pc:sldMasterMk cId="4215938510" sldId="2147483648"/>
            <ac:spMk id="5" creationId="{A1096FB2-55CC-4081-8128-E81939554EB4}"/>
          </ac:spMkLst>
        </pc:spChg>
        <pc:spChg chg="mod">
          <ac:chgData name="Chidharth M" userId="8c09c98b-cca2-4412-88c5-5aa1c81f9f7f" providerId="ADAL" clId="{A9BBB651-3AAD-4D55-B7CA-494EFA0B013F}" dt="2025-05-20T06:02:06.278" v="283" actId="20577"/>
          <ac:spMkLst>
            <pc:docMk/>
            <pc:sldMasterMk cId="4215938510" sldId="2147483648"/>
            <ac:spMk id="14" creationId="{0A2DA7D7-5D66-4B1B-AC7A-77551DFCC007}"/>
          </ac:spMkLst>
        </pc:spChg>
        <pc:sldLayoutChg chg="modSp mod">
          <pc:chgData name="Chidharth M" userId="8c09c98b-cca2-4412-88c5-5aa1c81f9f7f" providerId="ADAL" clId="{A9BBB651-3AAD-4D55-B7CA-494EFA0B013F}" dt="2025-05-20T06:02:06.300" v="293" actId="20577"/>
          <pc:sldLayoutMkLst>
            <pc:docMk/>
            <pc:sldMasterMk cId="4215938510" sldId="2147483648"/>
            <pc:sldLayoutMk cId="415328943" sldId="2147483663"/>
          </pc:sldLayoutMkLst>
          <pc:spChg chg="mod">
            <ac:chgData name="Chidharth M" userId="8c09c98b-cca2-4412-88c5-5aa1c81f9f7f" providerId="ADAL" clId="{A9BBB651-3AAD-4D55-B7CA-494EFA0B013F}" dt="2025-05-20T06:02:06.299" v="292" actId="20577"/>
            <ac:spMkLst>
              <pc:docMk/>
              <pc:sldMasterMk cId="4215938510" sldId="2147483648"/>
              <pc:sldLayoutMk cId="415328943" sldId="2147483663"/>
              <ac:spMk id="22" creationId="{80C60511-8432-4230-A45D-38C56C7FACB3}"/>
            </ac:spMkLst>
          </pc:spChg>
          <pc:spChg chg="mod">
            <ac:chgData name="Chidharth M" userId="8c09c98b-cca2-4412-88c5-5aa1c81f9f7f" providerId="ADAL" clId="{A9BBB651-3AAD-4D55-B7CA-494EFA0B013F}" dt="2025-05-20T06:02:06.300" v="293" actId="20577"/>
            <ac:spMkLst>
              <pc:docMk/>
              <pc:sldMasterMk cId="4215938510" sldId="2147483648"/>
              <pc:sldLayoutMk cId="415328943" sldId="2147483663"/>
              <ac:spMk id="24" creationId="{38A0AA6D-DD8B-4E42-862C-7DF76A83992C}"/>
            </ac:spMkLst>
          </pc:spChg>
        </pc:sldLayoutChg>
        <pc:sldLayoutChg chg="modSp mod">
          <pc:chgData name="Chidharth M" userId="8c09c98b-cca2-4412-88c5-5aa1c81f9f7f" providerId="ADAL" clId="{A9BBB651-3AAD-4D55-B7CA-494EFA0B013F}" dt="2025-05-20T06:02:06.298" v="291" actId="20577"/>
          <pc:sldLayoutMkLst>
            <pc:docMk/>
            <pc:sldMasterMk cId="4215938510" sldId="2147483648"/>
            <pc:sldLayoutMk cId="1878490018" sldId="2147483665"/>
          </pc:sldLayoutMkLst>
          <pc:spChg chg="mod">
            <ac:chgData name="Chidharth M" userId="8c09c98b-cca2-4412-88c5-5aa1c81f9f7f" providerId="ADAL" clId="{A9BBB651-3AAD-4D55-B7CA-494EFA0B013F}" dt="2025-05-20T06:02:06.296" v="290" actId="20577"/>
            <ac:spMkLst>
              <pc:docMk/>
              <pc:sldMasterMk cId="4215938510" sldId="2147483648"/>
              <pc:sldLayoutMk cId="1878490018" sldId="2147483665"/>
              <ac:spMk id="15" creationId="{E8FD1A76-2CD3-4660-8FE9-871856FF2FAF}"/>
            </ac:spMkLst>
          </pc:spChg>
          <pc:spChg chg="mod">
            <ac:chgData name="Chidharth M" userId="8c09c98b-cca2-4412-88c5-5aa1c81f9f7f" providerId="ADAL" clId="{A9BBB651-3AAD-4D55-B7CA-494EFA0B013F}" dt="2025-05-20T06:02:06.298" v="291" actId="20577"/>
            <ac:spMkLst>
              <pc:docMk/>
              <pc:sldMasterMk cId="4215938510" sldId="2147483648"/>
              <pc:sldLayoutMk cId="1878490018" sldId="2147483665"/>
              <ac:spMk id="19" creationId="{CB7D391F-DEEA-473B-B070-85560DC4D0B9}"/>
            </ac:spMkLst>
          </pc:spChg>
        </pc:sldLayoutChg>
        <pc:sldLayoutChg chg="modSp mod">
          <pc:chgData name="Chidharth M" userId="8c09c98b-cca2-4412-88c5-5aa1c81f9f7f" providerId="ADAL" clId="{A9BBB651-3AAD-4D55-B7CA-494EFA0B013F}" dt="2025-05-20T06:02:06.295" v="289" actId="20577"/>
          <pc:sldLayoutMkLst>
            <pc:docMk/>
            <pc:sldMasterMk cId="4215938510" sldId="2147483648"/>
            <pc:sldLayoutMk cId="3669619329" sldId="2147483744"/>
          </pc:sldLayoutMkLst>
          <pc:spChg chg="mod">
            <ac:chgData name="Chidharth M" userId="8c09c98b-cca2-4412-88c5-5aa1c81f9f7f" providerId="ADAL" clId="{A9BBB651-3AAD-4D55-B7CA-494EFA0B013F}" dt="2025-05-20T06:02:06.295" v="289" actId="20577"/>
            <ac:spMkLst>
              <pc:docMk/>
              <pc:sldMasterMk cId="4215938510" sldId="2147483648"/>
              <pc:sldLayoutMk cId="3669619329" sldId="2147483744"/>
              <ac:spMk id="28" creationId="{9448B801-F420-43A0-9080-0D134B0120DD}"/>
            </ac:spMkLst>
          </pc:spChg>
          <pc:picChg chg="mod modVis">
            <ac:chgData name="Chidharth M" userId="8c09c98b-cca2-4412-88c5-5aa1c81f9f7f" providerId="ADAL" clId="{A9BBB651-3AAD-4D55-B7CA-494EFA0B013F}" dt="2025-05-20T06:02:05.063" v="261"/>
            <ac:picMkLst>
              <pc:docMk/>
              <pc:sldMasterMk cId="4215938510" sldId="2147483648"/>
              <pc:sldLayoutMk cId="3669619329" sldId="2147483744"/>
              <ac:picMk id="23" creationId="{F228D1DE-D36C-4E9B-BD91-2341FC0B7E03}"/>
            </ac:picMkLst>
          </pc:picChg>
          <pc:picChg chg="mod modVis">
            <ac:chgData name="Chidharth M" userId="8c09c98b-cca2-4412-88c5-5aa1c81f9f7f" providerId="ADAL" clId="{A9BBB651-3AAD-4D55-B7CA-494EFA0B013F}" dt="2025-05-20T06:02:05.117" v="281"/>
            <ac:picMkLst>
              <pc:docMk/>
              <pc:sldMasterMk cId="4215938510" sldId="2147483648"/>
              <pc:sldLayoutMk cId="3669619329" sldId="2147483744"/>
              <ac:picMk id="24" creationId="{335E045B-8C20-4063-A4AC-CE1126B6A6B5}"/>
            </ac:picMkLst>
          </pc:picChg>
          <pc:picChg chg="mod modVis">
            <ac:chgData name="Chidharth M" userId="8c09c98b-cca2-4412-88c5-5aa1c81f9f7f" providerId="ADAL" clId="{A9BBB651-3AAD-4D55-B7CA-494EFA0B013F}" dt="2025-05-20T06:02:05.024" v="251"/>
            <ac:picMkLst>
              <pc:docMk/>
              <pc:sldMasterMk cId="4215938510" sldId="2147483648"/>
              <pc:sldLayoutMk cId="3669619329" sldId="2147483744"/>
              <ac:picMk id="25" creationId="{CFAE1106-3574-4FE9-B82F-D12EAEB197C5}"/>
            </ac:picMkLst>
          </pc:picChg>
          <pc:picChg chg="mod modVis">
            <ac:chgData name="Chidharth M" userId="8c09c98b-cca2-4412-88c5-5aa1c81f9f7f" providerId="ADAL" clId="{A9BBB651-3AAD-4D55-B7CA-494EFA0B013F}" dt="2025-05-20T06:02:05.094" v="271"/>
            <ac:picMkLst>
              <pc:docMk/>
              <pc:sldMasterMk cId="4215938510" sldId="2147483648"/>
              <pc:sldLayoutMk cId="3669619329" sldId="2147483744"/>
              <ac:picMk id="27" creationId="{C9A12DA8-BB00-43A2-B6FC-35D89D95C927}"/>
            </ac:picMkLst>
          </pc:picChg>
        </pc:sldLayoutChg>
        <pc:sldLayoutChg chg="modSp mod">
          <pc:chgData name="Chidharth M" userId="8c09c98b-cca2-4412-88c5-5aa1c81f9f7f" providerId="ADAL" clId="{A9BBB651-3AAD-4D55-B7CA-494EFA0B013F}" dt="2025-05-20T06:02:06.286" v="285" actId="20577"/>
          <pc:sldLayoutMkLst>
            <pc:docMk/>
            <pc:sldMasterMk cId="4215938510" sldId="2147483648"/>
            <pc:sldLayoutMk cId="3606963090" sldId="2147483745"/>
          </pc:sldLayoutMkLst>
          <pc:spChg chg="mod">
            <ac:chgData name="Chidharth M" userId="8c09c98b-cca2-4412-88c5-5aa1c81f9f7f" providerId="ADAL" clId="{A9BBB651-3AAD-4D55-B7CA-494EFA0B013F}" dt="2025-05-20T06:02:06.281" v="284" actId="20577"/>
            <ac:spMkLst>
              <pc:docMk/>
              <pc:sldMasterMk cId="4215938510" sldId="2147483648"/>
              <pc:sldLayoutMk cId="3606963090" sldId="2147483745"/>
              <ac:spMk id="36" creationId="{E21B88A0-A403-4AB9-884E-E1F08D8A6559}"/>
            </ac:spMkLst>
          </pc:spChg>
          <pc:spChg chg="mod">
            <ac:chgData name="Chidharth M" userId="8c09c98b-cca2-4412-88c5-5aa1c81f9f7f" providerId="ADAL" clId="{A9BBB651-3AAD-4D55-B7CA-494EFA0B013F}" dt="2025-05-20T06:02:06.286" v="285" actId="20577"/>
            <ac:spMkLst>
              <pc:docMk/>
              <pc:sldMasterMk cId="4215938510" sldId="2147483648"/>
              <pc:sldLayoutMk cId="3606963090" sldId="2147483745"/>
              <ac:spMk id="40" creationId="{CDF51FEF-E9E1-4C32-AB05-F101B7031708}"/>
            </ac:spMkLst>
          </pc:spChg>
          <pc:picChg chg="mod modVis">
            <ac:chgData name="Chidharth M" userId="8c09c98b-cca2-4412-88c5-5aa1c81f9f7f" providerId="ADAL" clId="{A9BBB651-3AAD-4D55-B7CA-494EFA0B013F}" dt="2025-05-20T06:02:05.058" v="255"/>
            <ac:picMkLst>
              <pc:docMk/>
              <pc:sldMasterMk cId="4215938510" sldId="2147483648"/>
              <pc:sldLayoutMk cId="3606963090" sldId="2147483745"/>
              <ac:picMk id="23" creationId="{F228D1DE-D36C-4E9B-BD91-2341FC0B7E03}"/>
            </ac:picMkLst>
          </pc:picChg>
          <pc:picChg chg="mod modVis">
            <ac:chgData name="Chidharth M" userId="8c09c98b-cca2-4412-88c5-5aa1c81f9f7f" providerId="ADAL" clId="{A9BBB651-3AAD-4D55-B7CA-494EFA0B013F}" dt="2025-05-20T06:02:05.115" v="275"/>
            <ac:picMkLst>
              <pc:docMk/>
              <pc:sldMasterMk cId="4215938510" sldId="2147483648"/>
              <pc:sldLayoutMk cId="3606963090" sldId="2147483745"/>
              <ac:picMk id="24" creationId="{335E045B-8C20-4063-A4AC-CE1126B6A6B5}"/>
            </ac:picMkLst>
          </pc:picChg>
          <pc:picChg chg="mod modVis">
            <ac:chgData name="Chidharth M" userId="8c09c98b-cca2-4412-88c5-5aa1c81f9f7f" providerId="ADAL" clId="{A9BBB651-3AAD-4D55-B7CA-494EFA0B013F}" dt="2025-05-20T06:02:05.020" v="245"/>
            <ac:picMkLst>
              <pc:docMk/>
              <pc:sldMasterMk cId="4215938510" sldId="2147483648"/>
              <pc:sldLayoutMk cId="3606963090" sldId="2147483745"/>
              <ac:picMk id="25" creationId="{CFAE1106-3574-4FE9-B82F-D12EAEB197C5}"/>
            </ac:picMkLst>
          </pc:picChg>
          <pc:picChg chg="mod modVis">
            <ac:chgData name="Chidharth M" userId="8c09c98b-cca2-4412-88c5-5aa1c81f9f7f" providerId="ADAL" clId="{A9BBB651-3AAD-4D55-B7CA-494EFA0B013F}" dt="2025-05-20T06:02:05.091" v="265"/>
            <ac:picMkLst>
              <pc:docMk/>
              <pc:sldMasterMk cId="4215938510" sldId="2147483648"/>
              <pc:sldLayoutMk cId="3606963090" sldId="2147483745"/>
              <ac:picMk id="27" creationId="{C9A12DA8-BB00-43A2-B6FC-35D89D95C927}"/>
            </ac:picMkLst>
          </pc:picChg>
        </pc:sldLayoutChg>
        <pc:sldLayoutChg chg="modSp mod">
          <pc:chgData name="Chidharth M" userId="8c09c98b-cca2-4412-88c5-5aa1c81f9f7f" providerId="ADAL" clId="{A9BBB651-3AAD-4D55-B7CA-494EFA0B013F}" dt="2025-05-20T06:02:06.293" v="288" actId="20577"/>
          <pc:sldLayoutMkLst>
            <pc:docMk/>
            <pc:sldMasterMk cId="4215938510" sldId="2147483648"/>
            <pc:sldLayoutMk cId="1935903564" sldId="2147483747"/>
          </pc:sldLayoutMkLst>
          <pc:spChg chg="mod">
            <ac:chgData name="Chidharth M" userId="8c09c98b-cca2-4412-88c5-5aa1c81f9f7f" providerId="ADAL" clId="{A9BBB651-3AAD-4D55-B7CA-494EFA0B013F}" dt="2025-05-20T06:02:06.289" v="287" actId="20577"/>
            <ac:spMkLst>
              <pc:docMk/>
              <pc:sldMasterMk cId="4215938510" sldId="2147483648"/>
              <pc:sldLayoutMk cId="1935903564" sldId="2147483747"/>
              <ac:spMk id="36" creationId="{E21B88A0-A403-4AB9-884E-E1F08D8A6559}"/>
            </ac:spMkLst>
          </pc:spChg>
          <pc:spChg chg="mod">
            <ac:chgData name="Chidharth M" userId="8c09c98b-cca2-4412-88c5-5aa1c81f9f7f" providerId="ADAL" clId="{A9BBB651-3AAD-4D55-B7CA-494EFA0B013F}" dt="2025-05-20T06:02:06.293" v="288" actId="20577"/>
            <ac:spMkLst>
              <pc:docMk/>
              <pc:sldMasterMk cId="4215938510" sldId="2147483648"/>
              <pc:sldLayoutMk cId="1935903564" sldId="2147483747"/>
              <ac:spMk id="40" creationId="{CDF51FEF-E9E1-4C32-AB05-F101B7031708}"/>
            </ac:spMkLst>
          </pc:spChg>
          <pc:picChg chg="mod modVis">
            <ac:chgData name="Chidharth M" userId="8c09c98b-cca2-4412-88c5-5aa1c81f9f7f" providerId="ADAL" clId="{A9BBB651-3AAD-4D55-B7CA-494EFA0B013F}" dt="2025-05-20T06:02:05.061" v="259"/>
            <ac:picMkLst>
              <pc:docMk/>
              <pc:sldMasterMk cId="4215938510" sldId="2147483648"/>
              <pc:sldLayoutMk cId="1935903564" sldId="2147483747"/>
              <ac:picMk id="23" creationId="{F228D1DE-D36C-4E9B-BD91-2341FC0B7E03}"/>
            </ac:picMkLst>
          </pc:picChg>
          <pc:picChg chg="mod modVis">
            <ac:chgData name="Chidharth M" userId="8c09c98b-cca2-4412-88c5-5aa1c81f9f7f" providerId="ADAL" clId="{A9BBB651-3AAD-4D55-B7CA-494EFA0B013F}" dt="2025-05-20T06:02:05.116" v="279"/>
            <ac:picMkLst>
              <pc:docMk/>
              <pc:sldMasterMk cId="4215938510" sldId="2147483648"/>
              <pc:sldLayoutMk cId="1935903564" sldId="2147483747"/>
              <ac:picMk id="24" creationId="{335E045B-8C20-4063-A4AC-CE1126B6A6B5}"/>
            </ac:picMkLst>
          </pc:picChg>
          <pc:picChg chg="mod modVis">
            <ac:chgData name="Chidharth M" userId="8c09c98b-cca2-4412-88c5-5aa1c81f9f7f" providerId="ADAL" clId="{A9BBB651-3AAD-4D55-B7CA-494EFA0B013F}" dt="2025-05-20T06:02:05.023" v="249"/>
            <ac:picMkLst>
              <pc:docMk/>
              <pc:sldMasterMk cId="4215938510" sldId="2147483648"/>
              <pc:sldLayoutMk cId="1935903564" sldId="2147483747"/>
              <ac:picMk id="25" creationId="{CFAE1106-3574-4FE9-B82F-D12EAEB197C5}"/>
            </ac:picMkLst>
          </pc:picChg>
          <pc:picChg chg="mod modVis">
            <ac:chgData name="Chidharth M" userId="8c09c98b-cca2-4412-88c5-5aa1c81f9f7f" providerId="ADAL" clId="{A9BBB651-3AAD-4D55-B7CA-494EFA0B013F}" dt="2025-05-20T06:02:05.093" v="269"/>
            <ac:picMkLst>
              <pc:docMk/>
              <pc:sldMasterMk cId="4215938510" sldId="2147483648"/>
              <pc:sldLayoutMk cId="1935903564" sldId="2147483747"/>
              <ac:picMk id="27" creationId="{C9A12DA8-BB00-43A2-B6FC-35D89D95C927}"/>
            </ac:picMkLst>
          </pc:picChg>
        </pc:sldLayoutChg>
        <pc:sldLayoutChg chg="modSp mod">
          <pc:chgData name="Chidharth M" userId="8c09c98b-cca2-4412-88c5-5aa1c81f9f7f" providerId="ADAL" clId="{A9BBB651-3AAD-4D55-B7CA-494EFA0B013F}" dt="2025-05-20T06:02:06.287" v="286" actId="20577"/>
          <pc:sldLayoutMkLst>
            <pc:docMk/>
            <pc:sldMasterMk cId="4215938510" sldId="2147483648"/>
            <pc:sldLayoutMk cId="3265181682" sldId="2147483748"/>
          </pc:sldLayoutMkLst>
          <pc:spChg chg="mod">
            <ac:chgData name="Chidharth M" userId="8c09c98b-cca2-4412-88c5-5aa1c81f9f7f" providerId="ADAL" clId="{A9BBB651-3AAD-4D55-B7CA-494EFA0B013F}" dt="2025-05-20T06:02:06.287" v="286" actId="20577"/>
            <ac:spMkLst>
              <pc:docMk/>
              <pc:sldMasterMk cId="4215938510" sldId="2147483648"/>
              <pc:sldLayoutMk cId="3265181682" sldId="2147483748"/>
              <ac:spMk id="43" creationId="{A1D0E42A-229D-4B51-85D9-00EA3C02B2A2}"/>
            </ac:spMkLst>
          </pc:spChg>
          <pc:picChg chg="mod modVis">
            <ac:chgData name="Chidharth M" userId="8c09c98b-cca2-4412-88c5-5aa1c81f9f7f" providerId="ADAL" clId="{A9BBB651-3AAD-4D55-B7CA-494EFA0B013F}" dt="2025-05-20T06:02:05.060" v="257"/>
            <ac:picMkLst>
              <pc:docMk/>
              <pc:sldMasterMk cId="4215938510" sldId="2147483648"/>
              <pc:sldLayoutMk cId="3265181682" sldId="2147483748"/>
              <ac:picMk id="23" creationId="{F228D1DE-D36C-4E9B-BD91-2341FC0B7E03}"/>
            </ac:picMkLst>
          </pc:picChg>
          <pc:picChg chg="mod modVis">
            <ac:chgData name="Chidharth M" userId="8c09c98b-cca2-4412-88c5-5aa1c81f9f7f" providerId="ADAL" clId="{A9BBB651-3AAD-4D55-B7CA-494EFA0B013F}" dt="2025-05-20T06:02:05.116" v="277"/>
            <ac:picMkLst>
              <pc:docMk/>
              <pc:sldMasterMk cId="4215938510" sldId="2147483648"/>
              <pc:sldLayoutMk cId="3265181682" sldId="2147483748"/>
              <ac:picMk id="24" creationId="{335E045B-8C20-4063-A4AC-CE1126B6A6B5}"/>
            </ac:picMkLst>
          </pc:picChg>
          <pc:picChg chg="mod modVis">
            <ac:chgData name="Chidharth M" userId="8c09c98b-cca2-4412-88c5-5aa1c81f9f7f" providerId="ADAL" clId="{A9BBB651-3AAD-4D55-B7CA-494EFA0B013F}" dt="2025-05-20T06:02:05.021" v="247"/>
            <ac:picMkLst>
              <pc:docMk/>
              <pc:sldMasterMk cId="4215938510" sldId="2147483648"/>
              <pc:sldLayoutMk cId="3265181682" sldId="2147483748"/>
              <ac:picMk id="25" creationId="{CFAE1106-3574-4FE9-B82F-D12EAEB197C5}"/>
            </ac:picMkLst>
          </pc:picChg>
          <pc:picChg chg="mod modVis">
            <ac:chgData name="Chidharth M" userId="8c09c98b-cca2-4412-88c5-5aa1c81f9f7f" providerId="ADAL" clId="{A9BBB651-3AAD-4D55-B7CA-494EFA0B013F}" dt="2025-05-20T06:02:05.092" v="267"/>
            <ac:picMkLst>
              <pc:docMk/>
              <pc:sldMasterMk cId="4215938510" sldId="2147483648"/>
              <pc:sldLayoutMk cId="3265181682" sldId="2147483748"/>
              <ac:picMk id="27" creationId="{C9A12DA8-BB00-43A2-B6FC-35D89D95C927}"/>
            </ac:picMkLst>
          </pc:picChg>
        </pc:sldLayoutChg>
      </pc:sldMasterChg>
    </pc:docChg>
  </pc:docChgLst>
  <pc:docChgLst>
    <pc:chgData name="Chidharth M" userId="8c09c98b-cca2-4412-88c5-5aa1c81f9f7f" providerId="ADAL" clId="{B3616B53-4A77-42AC-97E5-44FF6365CA1A}"/>
    <pc:docChg chg="custSel modSld modMainMaster">
      <pc:chgData name="Chidharth M" userId="8c09c98b-cca2-4412-88c5-5aa1c81f9f7f" providerId="ADAL" clId="{B3616B53-4A77-42AC-97E5-44FF6365CA1A}" dt="2025-06-05T05:56:54.939" v="51" actId="20577"/>
      <pc:docMkLst>
        <pc:docMk/>
      </pc:docMkLst>
      <pc:sldChg chg="modSp mod">
        <pc:chgData name="Chidharth M" userId="8c09c98b-cca2-4412-88c5-5aa1c81f9f7f" providerId="ADAL" clId="{B3616B53-4A77-42AC-97E5-44FF6365CA1A}" dt="2025-06-05T05:56:53.870" v="31"/>
        <pc:sldMkLst>
          <pc:docMk/>
          <pc:sldMk cId="3860401163" sldId="362"/>
        </pc:sldMkLst>
        <pc:picChg chg="mod modVis">
          <ac:chgData name="Chidharth M" userId="8c09c98b-cca2-4412-88c5-5aa1c81f9f7f" providerId="ADAL" clId="{B3616B53-4A77-42AC-97E5-44FF6365CA1A}" dt="2025-06-05T05:56:53.795" v="11"/>
          <ac:picMkLst>
            <pc:docMk/>
            <pc:sldMk cId="3860401163" sldId="362"/>
            <ac:picMk id="2" creationId="{DFFF66F8-88E3-1412-04A3-7489FBD742BA}"/>
          </ac:picMkLst>
        </pc:picChg>
        <pc:picChg chg="mod modVis">
          <ac:chgData name="Chidharth M" userId="8c09c98b-cca2-4412-88c5-5aa1c81f9f7f" providerId="ADAL" clId="{B3616B53-4A77-42AC-97E5-44FF6365CA1A}" dt="2025-06-05T05:56:53.870" v="31"/>
          <ac:picMkLst>
            <pc:docMk/>
            <pc:sldMk cId="3860401163" sldId="362"/>
            <ac:picMk id="6" creationId="{72956BF2-93AA-B21F-DF27-BC3A4C8CC2AF}"/>
          </ac:picMkLst>
        </pc:picChg>
        <pc:picChg chg="mod modVis">
          <ac:chgData name="Chidharth M" userId="8c09c98b-cca2-4412-88c5-5aa1c81f9f7f" providerId="ADAL" clId="{B3616B53-4A77-42AC-97E5-44FF6365CA1A}" dt="2025-06-05T05:56:53.753" v="1"/>
          <ac:picMkLst>
            <pc:docMk/>
            <pc:sldMk cId="3860401163" sldId="362"/>
            <ac:picMk id="7" creationId="{8B508643-C6A6-C998-4518-C6E4C29ED0F4}"/>
          </ac:picMkLst>
        </pc:picChg>
        <pc:picChg chg="mod modVis">
          <ac:chgData name="Chidharth M" userId="8c09c98b-cca2-4412-88c5-5aa1c81f9f7f" providerId="ADAL" clId="{B3616B53-4A77-42AC-97E5-44FF6365CA1A}" dt="2025-06-05T05:56:53.837" v="21"/>
          <ac:picMkLst>
            <pc:docMk/>
            <pc:sldMk cId="3860401163" sldId="362"/>
            <ac:picMk id="9" creationId="{BCA8BE40-F242-8DCF-E0F5-B73A0FE022F2}"/>
          </ac:picMkLst>
        </pc:picChg>
      </pc:sldChg>
      <pc:sldMasterChg chg="modSp mod modSldLayout">
        <pc:chgData name="Chidharth M" userId="8c09c98b-cca2-4412-88c5-5aa1c81f9f7f" providerId="ADAL" clId="{B3616B53-4A77-42AC-97E5-44FF6365CA1A}" dt="2025-06-05T05:56:54.939" v="51" actId="20577"/>
        <pc:sldMasterMkLst>
          <pc:docMk/>
          <pc:sldMasterMk cId="4215938510" sldId="2147483648"/>
        </pc:sldMasterMkLst>
        <pc:spChg chg="mod">
          <ac:chgData name="Chidharth M" userId="8c09c98b-cca2-4412-88c5-5aa1c81f9f7f" providerId="ADAL" clId="{B3616B53-4A77-42AC-97E5-44FF6365CA1A}" dt="2025-06-05T05:56:54.884" v="40" actId="20577"/>
          <ac:spMkLst>
            <pc:docMk/>
            <pc:sldMasterMk cId="4215938510" sldId="2147483648"/>
            <ac:spMk id="5" creationId="{A1096FB2-55CC-4081-8128-E81939554EB4}"/>
          </ac:spMkLst>
        </pc:spChg>
        <pc:spChg chg="mod">
          <ac:chgData name="Chidharth M" userId="8c09c98b-cca2-4412-88c5-5aa1c81f9f7f" providerId="ADAL" clId="{B3616B53-4A77-42AC-97E5-44FF6365CA1A}" dt="2025-06-05T05:56:54.894" v="41" actId="20577"/>
          <ac:spMkLst>
            <pc:docMk/>
            <pc:sldMasterMk cId="4215938510" sldId="2147483648"/>
            <ac:spMk id="14" creationId="{0A2DA7D7-5D66-4B1B-AC7A-77551DFCC007}"/>
          </ac:spMkLst>
        </pc:spChg>
        <pc:sldLayoutChg chg="modSp mod">
          <pc:chgData name="Chidharth M" userId="8c09c98b-cca2-4412-88c5-5aa1c81f9f7f" providerId="ADAL" clId="{B3616B53-4A77-42AC-97E5-44FF6365CA1A}" dt="2025-06-05T05:56:54.939" v="51" actId="20577"/>
          <pc:sldLayoutMkLst>
            <pc:docMk/>
            <pc:sldMasterMk cId="4215938510" sldId="2147483648"/>
            <pc:sldLayoutMk cId="415328943" sldId="2147483663"/>
          </pc:sldLayoutMkLst>
          <pc:spChg chg="mod">
            <ac:chgData name="Chidharth M" userId="8c09c98b-cca2-4412-88c5-5aa1c81f9f7f" providerId="ADAL" clId="{B3616B53-4A77-42AC-97E5-44FF6365CA1A}" dt="2025-06-05T05:56:54.938" v="50" actId="20577"/>
            <ac:spMkLst>
              <pc:docMk/>
              <pc:sldMasterMk cId="4215938510" sldId="2147483648"/>
              <pc:sldLayoutMk cId="415328943" sldId="2147483663"/>
              <ac:spMk id="22" creationId="{80C60511-8432-4230-A45D-38C56C7FACB3}"/>
            </ac:spMkLst>
          </pc:spChg>
          <pc:spChg chg="mod">
            <ac:chgData name="Chidharth M" userId="8c09c98b-cca2-4412-88c5-5aa1c81f9f7f" providerId="ADAL" clId="{B3616B53-4A77-42AC-97E5-44FF6365CA1A}" dt="2025-06-05T05:56:54.939" v="51" actId="20577"/>
            <ac:spMkLst>
              <pc:docMk/>
              <pc:sldMasterMk cId="4215938510" sldId="2147483648"/>
              <pc:sldLayoutMk cId="415328943" sldId="2147483663"/>
              <ac:spMk id="24" creationId="{38A0AA6D-DD8B-4E42-862C-7DF76A83992C}"/>
            </ac:spMkLst>
          </pc:spChg>
        </pc:sldLayoutChg>
        <pc:sldLayoutChg chg="modSp mod">
          <pc:chgData name="Chidharth M" userId="8c09c98b-cca2-4412-88c5-5aa1c81f9f7f" providerId="ADAL" clId="{B3616B53-4A77-42AC-97E5-44FF6365CA1A}" dt="2025-06-05T05:56:54.936" v="49" actId="20577"/>
          <pc:sldLayoutMkLst>
            <pc:docMk/>
            <pc:sldMasterMk cId="4215938510" sldId="2147483648"/>
            <pc:sldLayoutMk cId="1878490018" sldId="2147483665"/>
          </pc:sldLayoutMkLst>
          <pc:spChg chg="mod">
            <ac:chgData name="Chidharth M" userId="8c09c98b-cca2-4412-88c5-5aa1c81f9f7f" providerId="ADAL" clId="{B3616B53-4A77-42AC-97E5-44FF6365CA1A}" dt="2025-06-05T05:56:54.934" v="48" actId="20577"/>
            <ac:spMkLst>
              <pc:docMk/>
              <pc:sldMasterMk cId="4215938510" sldId="2147483648"/>
              <pc:sldLayoutMk cId="1878490018" sldId="2147483665"/>
              <ac:spMk id="15" creationId="{E8FD1A76-2CD3-4660-8FE9-871856FF2FAF}"/>
            </ac:spMkLst>
          </pc:spChg>
          <pc:spChg chg="mod">
            <ac:chgData name="Chidharth M" userId="8c09c98b-cca2-4412-88c5-5aa1c81f9f7f" providerId="ADAL" clId="{B3616B53-4A77-42AC-97E5-44FF6365CA1A}" dt="2025-06-05T05:56:54.936" v="49" actId="20577"/>
            <ac:spMkLst>
              <pc:docMk/>
              <pc:sldMasterMk cId="4215938510" sldId="2147483648"/>
              <pc:sldLayoutMk cId="1878490018" sldId="2147483665"/>
              <ac:spMk id="19" creationId="{CB7D391F-DEEA-473B-B070-85560DC4D0B9}"/>
            </ac:spMkLst>
          </pc:spChg>
        </pc:sldLayoutChg>
        <pc:sldLayoutChg chg="modSp mod">
          <pc:chgData name="Chidharth M" userId="8c09c98b-cca2-4412-88c5-5aa1c81f9f7f" providerId="ADAL" clId="{B3616B53-4A77-42AC-97E5-44FF6365CA1A}" dt="2025-06-05T05:56:54.932" v="47" actId="20577"/>
          <pc:sldLayoutMkLst>
            <pc:docMk/>
            <pc:sldMasterMk cId="4215938510" sldId="2147483648"/>
            <pc:sldLayoutMk cId="3669619329" sldId="2147483744"/>
          </pc:sldLayoutMkLst>
          <pc:spChg chg="mod">
            <ac:chgData name="Chidharth M" userId="8c09c98b-cca2-4412-88c5-5aa1c81f9f7f" providerId="ADAL" clId="{B3616B53-4A77-42AC-97E5-44FF6365CA1A}" dt="2025-06-05T05:56:54.932" v="47" actId="20577"/>
            <ac:spMkLst>
              <pc:docMk/>
              <pc:sldMasterMk cId="4215938510" sldId="2147483648"/>
              <pc:sldLayoutMk cId="3669619329" sldId="2147483744"/>
              <ac:spMk id="28" creationId="{9448B801-F420-43A0-9080-0D134B0120DD}"/>
            </ac:spMkLst>
          </pc:spChg>
          <pc:picChg chg="mod modVis">
            <ac:chgData name="Chidharth M" userId="8c09c98b-cca2-4412-88c5-5aa1c81f9f7f" providerId="ADAL" clId="{B3616B53-4A77-42AC-97E5-44FF6365CA1A}" dt="2025-06-05T05:56:53.802" v="19"/>
            <ac:picMkLst>
              <pc:docMk/>
              <pc:sldMasterMk cId="4215938510" sldId="2147483648"/>
              <pc:sldLayoutMk cId="3669619329" sldId="2147483744"/>
              <ac:picMk id="23" creationId="{F228D1DE-D36C-4E9B-BD91-2341FC0B7E03}"/>
            </ac:picMkLst>
          </pc:picChg>
          <pc:picChg chg="mod modVis">
            <ac:chgData name="Chidharth M" userId="8c09c98b-cca2-4412-88c5-5aa1c81f9f7f" providerId="ADAL" clId="{B3616B53-4A77-42AC-97E5-44FF6365CA1A}" dt="2025-06-05T05:56:53.875" v="39"/>
            <ac:picMkLst>
              <pc:docMk/>
              <pc:sldMasterMk cId="4215938510" sldId="2147483648"/>
              <pc:sldLayoutMk cId="3669619329" sldId="2147483744"/>
              <ac:picMk id="24" creationId="{335E045B-8C20-4063-A4AC-CE1126B6A6B5}"/>
            </ac:picMkLst>
          </pc:picChg>
          <pc:picChg chg="mod modVis">
            <ac:chgData name="Chidharth M" userId="8c09c98b-cca2-4412-88c5-5aa1c81f9f7f" providerId="ADAL" clId="{B3616B53-4A77-42AC-97E5-44FF6365CA1A}" dt="2025-06-05T05:56:53.759" v="9"/>
            <ac:picMkLst>
              <pc:docMk/>
              <pc:sldMasterMk cId="4215938510" sldId="2147483648"/>
              <pc:sldLayoutMk cId="3669619329" sldId="2147483744"/>
              <ac:picMk id="25" creationId="{CFAE1106-3574-4FE9-B82F-D12EAEB197C5}"/>
            </ac:picMkLst>
          </pc:picChg>
          <pc:picChg chg="mod modVis">
            <ac:chgData name="Chidharth M" userId="8c09c98b-cca2-4412-88c5-5aa1c81f9f7f" providerId="ADAL" clId="{B3616B53-4A77-42AC-97E5-44FF6365CA1A}" dt="2025-06-05T05:56:53.842" v="29"/>
            <ac:picMkLst>
              <pc:docMk/>
              <pc:sldMasterMk cId="4215938510" sldId="2147483648"/>
              <pc:sldLayoutMk cId="3669619329" sldId="2147483744"/>
              <ac:picMk id="27" creationId="{C9A12DA8-BB00-43A2-B6FC-35D89D95C927}"/>
            </ac:picMkLst>
          </pc:picChg>
        </pc:sldLayoutChg>
        <pc:sldLayoutChg chg="modSp mod">
          <pc:chgData name="Chidharth M" userId="8c09c98b-cca2-4412-88c5-5aa1c81f9f7f" providerId="ADAL" clId="{B3616B53-4A77-42AC-97E5-44FF6365CA1A}" dt="2025-06-05T05:56:54.902" v="43" actId="20577"/>
          <pc:sldLayoutMkLst>
            <pc:docMk/>
            <pc:sldMasterMk cId="4215938510" sldId="2147483648"/>
            <pc:sldLayoutMk cId="3606963090" sldId="2147483745"/>
          </pc:sldLayoutMkLst>
          <pc:spChg chg="mod">
            <ac:chgData name="Chidharth M" userId="8c09c98b-cca2-4412-88c5-5aa1c81f9f7f" providerId="ADAL" clId="{B3616B53-4A77-42AC-97E5-44FF6365CA1A}" dt="2025-06-05T05:56:54.897" v="42" actId="20577"/>
            <ac:spMkLst>
              <pc:docMk/>
              <pc:sldMasterMk cId="4215938510" sldId="2147483648"/>
              <pc:sldLayoutMk cId="3606963090" sldId="2147483745"/>
              <ac:spMk id="36" creationId="{E21B88A0-A403-4AB9-884E-E1F08D8A6559}"/>
            </ac:spMkLst>
          </pc:spChg>
          <pc:spChg chg="mod">
            <ac:chgData name="Chidharth M" userId="8c09c98b-cca2-4412-88c5-5aa1c81f9f7f" providerId="ADAL" clId="{B3616B53-4A77-42AC-97E5-44FF6365CA1A}" dt="2025-06-05T05:56:54.902" v="43" actId="20577"/>
            <ac:spMkLst>
              <pc:docMk/>
              <pc:sldMasterMk cId="4215938510" sldId="2147483648"/>
              <pc:sldLayoutMk cId="3606963090" sldId="2147483745"/>
              <ac:spMk id="40" creationId="{CDF51FEF-E9E1-4C32-AB05-F101B7031708}"/>
            </ac:spMkLst>
          </pc:spChg>
          <pc:picChg chg="mod modVis">
            <ac:chgData name="Chidharth M" userId="8c09c98b-cca2-4412-88c5-5aa1c81f9f7f" providerId="ADAL" clId="{B3616B53-4A77-42AC-97E5-44FF6365CA1A}" dt="2025-06-05T05:56:53.797" v="13"/>
            <ac:picMkLst>
              <pc:docMk/>
              <pc:sldMasterMk cId="4215938510" sldId="2147483648"/>
              <pc:sldLayoutMk cId="3606963090" sldId="2147483745"/>
              <ac:picMk id="23" creationId="{F228D1DE-D36C-4E9B-BD91-2341FC0B7E03}"/>
            </ac:picMkLst>
          </pc:picChg>
          <pc:picChg chg="mod modVis">
            <ac:chgData name="Chidharth M" userId="8c09c98b-cca2-4412-88c5-5aa1c81f9f7f" providerId="ADAL" clId="{B3616B53-4A77-42AC-97E5-44FF6365CA1A}" dt="2025-06-05T05:56:53.871" v="33"/>
            <ac:picMkLst>
              <pc:docMk/>
              <pc:sldMasterMk cId="4215938510" sldId="2147483648"/>
              <pc:sldLayoutMk cId="3606963090" sldId="2147483745"/>
              <ac:picMk id="24" creationId="{335E045B-8C20-4063-A4AC-CE1126B6A6B5}"/>
            </ac:picMkLst>
          </pc:picChg>
          <pc:picChg chg="mod modVis">
            <ac:chgData name="Chidharth M" userId="8c09c98b-cca2-4412-88c5-5aa1c81f9f7f" providerId="ADAL" clId="{B3616B53-4A77-42AC-97E5-44FF6365CA1A}" dt="2025-06-05T05:56:53.755" v="3"/>
            <ac:picMkLst>
              <pc:docMk/>
              <pc:sldMasterMk cId="4215938510" sldId="2147483648"/>
              <pc:sldLayoutMk cId="3606963090" sldId="2147483745"/>
              <ac:picMk id="25" creationId="{CFAE1106-3574-4FE9-B82F-D12EAEB197C5}"/>
            </ac:picMkLst>
          </pc:picChg>
          <pc:picChg chg="mod modVis">
            <ac:chgData name="Chidharth M" userId="8c09c98b-cca2-4412-88c5-5aa1c81f9f7f" providerId="ADAL" clId="{B3616B53-4A77-42AC-97E5-44FF6365CA1A}" dt="2025-06-05T05:56:53.839" v="23"/>
            <ac:picMkLst>
              <pc:docMk/>
              <pc:sldMasterMk cId="4215938510" sldId="2147483648"/>
              <pc:sldLayoutMk cId="3606963090" sldId="2147483745"/>
              <ac:picMk id="27" creationId="{C9A12DA8-BB00-43A2-B6FC-35D89D95C927}"/>
            </ac:picMkLst>
          </pc:picChg>
        </pc:sldLayoutChg>
        <pc:sldLayoutChg chg="modSp mod">
          <pc:chgData name="Chidharth M" userId="8c09c98b-cca2-4412-88c5-5aa1c81f9f7f" providerId="ADAL" clId="{B3616B53-4A77-42AC-97E5-44FF6365CA1A}" dt="2025-06-05T05:56:54.929" v="46" actId="20577"/>
          <pc:sldLayoutMkLst>
            <pc:docMk/>
            <pc:sldMasterMk cId="4215938510" sldId="2147483648"/>
            <pc:sldLayoutMk cId="1935903564" sldId="2147483747"/>
          </pc:sldLayoutMkLst>
          <pc:spChg chg="mod">
            <ac:chgData name="Chidharth M" userId="8c09c98b-cca2-4412-88c5-5aa1c81f9f7f" providerId="ADAL" clId="{B3616B53-4A77-42AC-97E5-44FF6365CA1A}" dt="2025-06-05T05:56:54.905" v="45" actId="20577"/>
            <ac:spMkLst>
              <pc:docMk/>
              <pc:sldMasterMk cId="4215938510" sldId="2147483648"/>
              <pc:sldLayoutMk cId="1935903564" sldId="2147483747"/>
              <ac:spMk id="36" creationId="{E21B88A0-A403-4AB9-884E-E1F08D8A6559}"/>
            </ac:spMkLst>
          </pc:spChg>
          <pc:spChg chg="mod">
            <ac:chgData name="Chidharth M" userId="8c09c98b-cca2-4412-88c5-5aa1c81f9f7f" providerId="ADAL" clId="{B3616B53-4A77-42AC-97E5-44FF6365CA1A}" dt="2025-06-05T05:56:54.929" v="46" actId="20577"/>
            <ac:spMkLst>
              <pc:docMk/>
              <pc:sldMasterMk cId="4215938510" sldId="2147483648"/>
              <pc:sldLayoutMk cId="1935903564" sldId="2147483747"/>
              <ac:spMk id="40" creationId="{CDF51FEF-E9E1-4C32-AB05-F101B7031708}"/>
            </ac:spMkLst>
          </pc:spChg>
          <pc:picChg chg="mod modVis">
            <ac:chgData name="Chidharth M" userId="8c09c98b-cca2-4412-88c5-5aa1c81f9f7f" providerId="ADAL" clId="{B3616B53-4A77-42AC-97E5-44FF6365CA1A}" dt="2025-06-05T05:56:53.800" v="17"/>
            <ac:picMkLst>
              <pc:docMk/>
              <pc:sldMasterMk cId="4215938510" sldId="2147483648"/>
              <pc:sldLayoutMk cId="1935903564" sldId="2147483747"/>
              <ac:picMk id="23" creationId="{F228D1DE-D36C-4E9B-BD91-2341FC0B7E03}"/>
            </ac:picMkLst>
          </pc:picChg>
          <pc:picChg chg="mod modVis">
            <ac:chgData name="Chidharth M" userId="8c09c98b-cca2-4412-88c5-5aa1c81f9f7f" providerId="ADAL" clId="{B3616B53-4A77-42AC-97E5-44FF6365CA1A}" dt="2025-06-05T05:56:53.874" v="37"/>
            <ac:picMkLst>
              <pc:docMk/>
              <pc:sldMasterMk cId="4215938510" sldId="2147483648"/>
              <pc:sldLayoutMk cId="1935903564" sldId="2147483747"/>
              <ac:picMk id="24" creationId="{335E045B-8C20-4063-A4AC-CE1126B6A6B5}"/>
            </ac:picMkLst>
          </pc:picChg>
          <pc:picChg chg="mod modVis">
            <ac:chgData name="Chidharth M" userId="8c09c98b-cca2-4412-88c5-5aa1c81f9f7f" providerId="ADAL" clId="{B3616B53-4A77-42AC-97E5-44FF6365CA1A}" dt="2025-06-05T05:56:53.758" v="7"/>
            <ac:picMkLst>
              <pc:docMk/>
              <pc:sldMasterMk cId="4215938510" sldId="2147483648"/>
              <pc:sldLayoutMk cId="1935903564" sldId="2147483747"/>
              <ac:picMk id="25" creationId="{CFAE1106-3574-4FE9-B82F-D12EAEB197C5}"/>
            </ac:picMkLst>
          </pc:picChg>
          <pc:picChg chg="mod modVis">
            <ac:chgData name="Chidharth M" userId="8c09c98b-cca2-4412-88c5-5aa1c81f9f7f" providerId="ADAL" clId="{B3616B53-4A77-42AC-97E5-44FF6365CA1A}" dt="2025-06-05T05:56:53.841" v="27"/>
            <ac:picMkLst>
              <pc:docMk/>
              <pc:sldMasterMk cId="4215938510" sldId="2147483648"/>
              <pc:sldLayoutMk cId="1935903564" sldId="2147483747"/>
              <ac:picMk id="27" creationId="{C9A12DA8-BB00-43A2-B6FC-35D89D95C927}"/>
            </ac:picMkLst>
          </pc:picChg>
        </pc:sldLayoutChg>
        <pc:sldLayoutChg chg="modSp mod">
          <pc:chgData name="Chidharth M" userId="8c09c98b-cca2-4412-88c5-5aa1c81f9f7f" providerId="ADAL" clId="{B3616B53-4A77-42AC-97E5-44FF6365CA1A}" dt="2025-06-05T05:56:54.903" v="44" actId="20577"/>
          <pc:sldLayoutMkLst>
            <pc:docMk/>
            <pc:sldMasterMk cId="4215938510" sldId="2147483648"/>
            <pc:sldLayoutMk cId="3265181682" sldId="2147483748"/>
          </pc:sldLayoutMkLst>
          <pc:spChg chg="mod">
            <ac:chgData name="Chidharth M" userId="8c09c98b-cca2-4412-88c5-5aa1c81f9f7f" providerId="ADAL" clId="{B3616B53-4A77-42AC-97E5-44FF6365CA1A}" dt="2025-06-05T05:56:54.903" v="44" actId="20577"/>
            <ac:spMkLst>
              <pc:docMk/>
              <pc:sldMasterMk cId="4215938510" sldId="2147483648"/>
              <pc:sldLayoutMk cId="3265181682" sldId="2147483748"/>
              <ac:spMk id="43" creationId="{A1D0E42A-229D-4B51-85D9-00EA3C02B2A2}"/>
            </ac:spMkLst>
          </pc:spChg>
          <pc:picChg chg="mod modVis">
            <ac:chgData name="Chidharth M" userId="8c09c98b-cca2-4412-88c5-5aa1c81f9f7f" providerId="ADAL" clId="{B3616B53-4A77-42AC-97E5-44FF6365CA1A}" dt="2025-06-05T05:56:53.798" v="15"/>
            <ac:picMkLst>
              <pc:docMk/>
              <pc:sldMasterMk cId="4215938510" sldId="2147483648"/>
              <pc:sldLayoutMk cId="3265181682" sldId="2147483748"/>
              <ac:picMk id="23" creationId="{F228D1DE-D36C-4E9B-BD91-2341FC0B7E03}"/>
            </ac:picMkLst>
          </pc:picChg>
          <pc:picChg chg="mod modVis">
            <ac:chgData name="Chidharth M" userId="8c09c98b-cca2-4412-88c5-5aa1c81f9f7f" providerId="ADAL" clId="{B3616B53-4A77-42AC-97E5-44FF6365CA1A}" dt="2025-06-05T05:56:53.872" v="35"/>
            <ac:picMkLst>
              <pc:docMk/>
              <pc:sldMasterMk cId="4215938510" sldId="2147483648"/>
              <pc:sldLayoutMk cId="3265181682" sldId="2147483748"/>
              <ac:picMk id="24" creationId="{335E045B-8C20-4063-A4AC-CE1126B6A6B5}"/>
            </ac:picMkLst>
          </pc:picChg>
          <pc:picChg chg="mod modVis">
            <ac:chgData name="Chidharth M" userId="8c09c98b-cca2-4412-88c5-5aa1c81f9f7f" providerId="ADAL" clId="{B3616B53-4A77-42AC-97E5-44FF6365CA1A}" dt="2025-06-05T05:56:53.757" v="5"/>
            <ac:picMkLst>
              <pc:docMk/>
              <pc:sldMasterMk cId="4215938510" sldId="2147483648"/>
              <pc:sldLayoutMk cId="3265181682" sldId="2147483748"/>
              <ac:picMk id="25" creationId="{CFAE1106-3574-4FE9-B82F-D12EAEB197C5}"/>
            </ac:picMkLst>
          </pc:picChg>
          <pc:picChg chg="mod modVis">
            <ac:chgData name="Chidharth M" userId="8c09c98b-cca2-4412-88c5-5aa1c81f9f7f" providerId="ADAL" clId="{B3616B53-4A77-42AC-97E5-44FF6365CA1A}" dt="2025-06-05T05:56:53.840" v="25"/>
            <ac:picMkLst>
              <pc:docMk/>
              <pc:sldMasterMk cId="4215938510" sldId="2147483648"/>
              <pc:sldLayoutMk cId="3265181682" sldId="2147483748"/>
              <ac:picMk id="27" creationId="{C9A12DA8-BB00-43A2-B6FC-35D89D95C927}"/>
            </ac:picMkLst>
          </pc:picChg>
        </pc:sldLayoutChg>
      </pc:sldMaster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b" anchorCtr="1"/>
          <a:lstStyle/>
          <a:p>
            <a:pPr>
              <a:defRPr sz="1100" b="1" i="0" u="none" strike="noStrike" kern="1200" spc="0" normalizeH="0" baseline="0">
                <a:solidFill>
                  <a:schemeClr val="dk1">
                    <a:lumMod val="50000"/>
                    <a:lumOff val="50000"/>
                  </a:schemeClr>
                </a:solidFill>
                <a:latin typeface="+mj-lt"/>
                <a:ea typeface="+mj-ea"/>
                <a:cs typeface="+mj-cs"/>
              </a:defRPr>
            </a:pPr>
            <a:r>
              <a:rPr lang="en-US" sz="1100" b="1" dirty="0">
                <a:solidFill>
                  <a:schemeClr val="tx1"/>
                </a:solidFill>
              </a:rPr>
              <a:t>For</a:t>
            </a:r>
            <a:r>
              <a:rPr lang="en-US" sz="1100" b="1" baseline="0" dirty="0">
                <a:solidFill>
                  <a:schemeClr val="tx1"/>
                </a:solidFill>
              </a:rPr>
              <a:t> 500 Test cases: </a:t>
            </a:r>
            <a:r>
              <a:rPr lang="en-US" sz="1100" b="1" dirty="0">
                <a:solidFill>
                  <a:schemeClr val="tx1"/>
                </a:solidFill>
              </a:rPr>
              <a:t>Took only 1% of manual efforts</a:t>
            </a:r>
            <a:r>
              <a:rPr lang="en-US" sz="1100" b="1" baseline="0" dirty="0">
                <a:solidFill>
                  <a:schemeClr val="tx1"/>
                </a:solidFill>
              </a:rPr>
              <a:t> </a:t>
            </a:r>
            <a:r>
              <a:rPr lang="en-US" sz="1100" b="1" dirty="0">
                <a:solidFill>
                  <a:schemeClr val="tx1"/>
                </a:solidFill>
              </a:rPr>
              <a:t>&amp; saved 99% time</a:t>
            </a:r>
          </a:p>
        </c:rich>
      </c:tx>
      <c:layout>
        <c:manualLayout>
          <c:xMode val="edge"/>
          <c:yMode val="edge"/>
          <c:x val="0.10960805769604962"/>
          <c:y val="4.1039892714611172E-3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b" anchorCtr="1"/>
        <a:lstStyle/>
        <a:p>
          <a:pPr>
            <a:defRPr sz="1100" b="1" i="0" u="none" strike="noStrike" kern="1200" spc="0" normalizeH="0" baseline="0">
              <a:solidFill>
                <a:schemeClr val="dk1">
                  <a:lumMod val="50000"/>
                  <a:lumOff val="50000"/>
                </a:schemeClr>
              </a:solidFill>
              <a:latin typeface="+mj-lt"/>
              <a:ea typeface="+mj-ea"/>
              <a:cs typeface="+mj-cs"/>
            </a:defRPr>
          </a:pPr>
          <a:endParaRPr lang="en-US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Time Reduction</c:v>
                </c:pt>
              </c:strCache>
            </c:strRef>
          </c:tx>
          <c:dPt>
            <c:idx val="0"/>
            <c:bubble3D val="0"/>
            <c:spPr>
              <a:gradFill>
                <a:gsLst>
                  <a:gs pos="100000">
                    <a:schemeClr val="accent1">
                      <a:lumMod val="60000"/>
                      <a:lumOff val="40000"/>
                    </a:schemeClr>
                  </a:gs>
                  <a:gs pos="0">
                    <a:schemeClr val="accent1"/>
                  </a:gs>
                </a:gsLst>
                <a:lin ang="5400000" scaled="0"/>
              </a:gra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0FD5-45BB-8A53-456F9884C5B7}"/>
              </c:ext>
            </c:extLst>
          </c:dPt>
          <c:dPt>
            <c:idx val="1"/>
            <c:bubble3D val="0"/>
            <c:spPr>
              <a:solidFill>
                <a:srgbClr val="92D050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4-0FD5-45BB-8A53-456F9884C5B7}"/>
              </c:ext>
            </c:extLst>
          </c:dPt>
          <c:dLbls>
            <c:dLbl>
              <c:idx val="0"/>
              <c:layout>
                <c:manualLayout>
                  <c:x val="0.2979509352476406"/>
                  <c:y val="-1.603218049962965E-2"/>
                </c:manualLayout>
              </c:layout>
              <c:spPr>
                <a:solidFill>
                  <a:prstClr val="white">
                    <a:alpha val="75000"/>
                  </a:prstClr>
                </a:solidFill>
                <a:ln w="9525">
                  <a:solidFill>
                    <a:prstClr val="black">
                      <a:lumMod val="25000"/>
                      <a:lumOff val="75000"/>
                    </a:prstClr>
                  </a:solidFill>
                </a:ln>
                <a:effectLst/>
              </c:spPr>
              <c:txPr>
                <a:bodyPr rot="0" spcFirstLastPara="1" vertOverflow="clip" horzOverflow="clip" vert="horz" wrap="square" lIns="38100" tIns="19050" rIns="38100" bIns="19050" anchor="ctr" anchorCtr="1">
                  <a:spAutoFit/>
                </a:bodyPr>
                <a:lstStyle/>
                <a:p>
                  <a:pPr>
                    <a:defRPr sz="1197" b="0" i="0" u="none" strike="noStrike" kern="1200" baseline="0">
                      <a:solidFill>
                        <a:schemeClr val="dk1">
                          <a:lumMod val="65000"/>
                          <a:lumOff val="35000"/>
                        </a:schemeClr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bestFit"/>
              <c:showLegendKey val="0"/>
              <c:showVal val="0"/>
              <c:showCatName val="1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wedgeRectCallout">
                      <a:avLst/>
                    </a:prstGeom>
                    <a:noFill/>
                    <a:ln>
                      <a:noFill/>
                    </a:ln>
                  </c15:spPr>
                  <c15:layout>
                    <c:manualLayout>
                      <c:w val="0.26908162278992875"/>
                      <c:h val="0.12352006089703838"/>
                    </c:manualLayout>
                  </c15:layout>
                </c:ext>
                <c:ext xmlns:c16="http://schemas.microsoft.com/office/drawing/2014/chart" uri="{C3380CC4-5D6E-409C-BE32-E72D297353CC}">
                  <c16:uniqueId val="{00000003-0FD5-45BB-8A53-456F9884C5B7}"/>
                </c:ext>
              </c:extLst>
            </c:dLbl>
            <c:dLbl>
              <c:idx val="1"/>
              <c:layout>
                <c:manualLayout>
                  <c:x val="-0.20407210541622295"/>
                  <c:y val="9.4840930022135686E-3"/>
                </c:manualLayout>
              </c:layout>
              <c:spPr>
                <a:solidFill>
                  <a:prstClr val="white">
                    <a:alpha val="75000"/>
                  </a:prstClr>
                </a:solidFill>
                <a:ln w="9525">
                  <a:solidFill>
                    <a:prstClr val="black">
                      <a:lumMod val="25000"/>
                      <a:lumOff val="75000"/>
                    </a:prstClr>
                  </a:solidFill>
                </a:ln>
                <a:effectLst/>
              </c:spPr>
              <c:txPr>
                <a:bodyPr rot="0" spcFirstLastPara="1" vertOverflow="clip" horzOverflow="clip" vert="horz" wrap="square" lIns="38100" tIns="19050" rIns="38100" bIns="19050" anchor="ctr" anchorCtr="1">
                  <a:spAutoFit/>
                </a:bodyPr>
                <a:lstStyle/>
                <a:p>
                  <a:pPr>
                    <a:defRPr sz="1197" b="0" i="0" u="none" strike="noStrike" kern="1200" baseline="0">
                      <a:solidFill>
                        <a:schemeClr val="dk1">
                          <a:lumMod val="65000"/>
                          <a:lumOff val="35000"/>
                        </a:schemeClr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en-US"/>
                </a:p>
              </c:txPr>
              <c:dLblPos val="bestFit"/>
              <c:showLegendKey val="0"/>
              <c:showVal val="0"/>
              <c:showCatName val="1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wedgeRectCallout">
                      <a:avLst/>
                    </a:prstGeom>
                    <a:noFill/>
                    <a:ln>
                      <a:noFill/>
                    </a:ln>
                  </c15:spPr>
                  <c15:layout>
                    <c:manualLayout>
                      <c:w val="0.23845833167696404"/>
                      <c:h val="0.12647687062739332"/>
                    </c:manualLayout>
                  </c15:layout>
                </c:ext>
                <c:ext xmlns:c16="http://schemas.microsoft.com/office/drawing/2014/chart" uri="{C3380CC4-5D6E-409C-BE32-E72D297353CC}">
                  <c16:uniqueId val="{00000004-0FD5-45BB-8A53-456F9884C5B7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0" i="0" u="none" strike="noStrike" kern="1200" baseline="0">
                    <a:solidFill>
                      <a:schemeClr val="dk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/>
            </c:extLst>
          </c:dLbls>
          <c:cat>
            <c:strRef>
              <c:f>Sheet1!$A$2:$A$3</c:f>
              <c:strCache>
                <c:ptCount val="2"/>
                <c:pt idx="0">
                  <c:v>Manual</c:v>
                </c:pt>
                <c:pt idx="1">
                  <c:v>Automatic</c:v>
                </c:pt>
              </c:strCache>
            </c:strRef>
          </c:cat>
          <c:val>
            <c:numRef>
              <c:f>Sheet1!$B$2:$B$3</c:f>
              <c:numCache>
                <c:formatCode>General</c:formatCode>
                <c:ptCount val="2"/>
                <c:pt idx="0">
                  <c:v>200</c:v>
                </c:pt>
                <c:pt idx="1">
                  <c:v>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0FD5-45BB-8A53-456F9884C5B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r"/>
      <c:overlay val="0"/>
      <c:spPr>
        <a:solidFill>
          <a:schemeClr val="lt1">
            <a:alpha val="50000"/>
          </a:schemeClr>
        </a:solidFill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dk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pattFill prst="dkDnDiag">
      <a:fgClr>
        <a:schemeClr val="lt1"/>
      </a:fgClr>
      <a:bgClr>
        <a:schemeClr val="dk1">
          <a:lumMod val="10000"/>
          <a:lumOff val="90000"/>
        </a:schemeClr>
      </a:bgClr>
    </a:pattFill>
    <a:ln w="9525" cap="flat" cmpd="sng" algn="ctr">
      <a:solidFill>
        <a:schemeClr val="tx1"/>
      </a:solidFill>
      <a:round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6">
  <cs:axisTitle>
    <cs:lnRef idx="0"/>
    <cs:fillRef idx="0"/>
    <cs:effectRef idx="0"/>
    <cs:fontRef idx="minor">
      <a:schemeClr val="dk1">
        <a:lumMod val="65000"/>
        <a:lumOff val="35000"/>
      </a:schemeClr>
    </cs:fontRef>
    <cs:defRPr sz="1197" b="1" kern="1200"/>
  </cs:axisTitle>
  <cs:categoryAxis>
    <cs:lnRef idx="0"/>
    <cs:fillRef idx="0"/>
    <cs:effectRef idx="0"/>
    <cs:fontRef idx="minor">
      <a:schemeClr val="dk1">
        <a:lumMod val="65000"/>
        <a:lumOff val="35000"/>
      </a:schemeClr>
    </cs:fontRef>
    <cs:defRPr sz="1197" kern="1200" cap="none" spc="0" normalizeH="0" baseline="0"/>
  </cs:categoryAxis>
  <cs:chartArea>
    <cs:lnRef idx="0"/>
    <cs:fillRef idx="0"/>
    <cs:effectRef idx="0"/>
    <cs:fontRef idx="minor">
      <a:schemeClr val="dk1"/>
    </cs:fontRef>
    <cs:spPr>
      <a:pattFill prst="dkDnDiag">
        <a:fgClr>
          <a:schemeClr val="lt1"/>
        </a:fgClr>
        <a:bgClr>
          <a:schemeClr val="dk1">
            <a:lumMod val="10000"/>
            <a:lumOff val="90000"/>
          </a:schemeClr>
        </a:bgClr>
      </a:pattFill>
      <a:ln w="9525" cap="flat" cmpd="sng" algn="ctr">
        <a:solidFill>
          <a:schemeClr val="dk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dk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>
          <a:alpha val="75000"/>
        </a:schemeClr>
      </a:solidFill>
      <a:ln w="9525"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gradFill>
        <a:gsLst>
          <a:gs pos="100000">
            <a:schemeClr val="phClr">
              <a:lumMod val="60000"/>
              <a:lumOff val="40000"/>
            </a:schemeClr>
          </a:gs>
          <a:gs pos="0">
            <a:schemeClr val="phClr"/>
          </a:gs>
        </a:gsLst>
        <a:lin ang="5400000" scaled="0"/>
      </a:gradFill>
      <a:ln w="19050">
        <a:solidFill>
          <a:schemeClr val="lt1"/>
        </a:solidFill>
      </a:ln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gradFill>
        <a:gsLst>
          <a:gs pos="100000">
            <a:schemeClr val="phClr">
              <a:lumMod val="60000"/>
              <a:lumOff val="40000"/>
            </a:schemeClr>
          </a:gs>
          <a:gs pos="0">
            <a:schemeClr val="phClr"/>
          </a:gs>
        </a:gsLst>
        <a:lin ang="5400000" scaled="0"/>
      </a:gradFill>
      <a:ln w="508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2222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0">
      <cs:styleClr val="auto"/>
    </cs:fillRef>
    <cs:effectRef idx="0"/>
    <cs:fontRef idx="minor">
      <a:schemeClr val="dk1"/>
    </cs:fontRef>
    <cs:spPr>
      <a:solidFill>
        <a:schemeClr val="lt1"/>
      </a:solidFill>
      <a:ln w="15875">
        <a:solidFill>
          <a:schemeClr val="phClr"/>
        </a:solidFill>
        <a:round/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dk1">
        <a:lumMod val="65000"/>
        <a:lumOff val="35000"/>
      </a:schemeClr>
    </cs:fontRef>
    <cs:spPr>
      <a:ln w="9525" cap="flat" cmpd="sng" algn="ctr">
        <a:solidFill>
          <a:schemeClr val="dk1">
            <a:lumMod val="15000"/>
            <a:lumOff val="85000"/>
          </a:schemeClr>
        </a:solidFill>
        <a:round/>
      </a:ln>
    </cs:spPr>
    <cs:defRPr sz="1064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dk1">
            <a:lumMod val="50000"/>
            <a:lumOff val="50000"/>
          </a:schemeClr>
        </a:solidFill>
        <a:round/>
      </a:ln>
    </cs:spPr>
  </cs:downBar>
  <cs:dropLine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50000"/>
            <a:lumOff val="50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35000"/>
            <a:lumOff val="65000"/>
          </a:schemeClr>
        </a:solidFill>
        <a:round/>
      </a:ln>
    </cs:spPr>
  </cs:hiLoLine>
  <cs:leaderLine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>
          <a:alpha val="50000"/>
        </a:schemeClr>
      </a:solidFill>
    </cs:spPr>
    <cs:defRPr sz="1197" kern="1200"/>
  </cs:legend>
  <cs:plotArea>
    <cs:lnRef idx="0"/>
    <cs:fillRef idx="0"/>
    <cs:effectRef idx="0"/>
    <cs:fontRef idx="minor">
      <a:schemeClr val="dk1"/>
    </cs:fontRef>
  </cs:plotArea>
  <cs:plotArea3D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dk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dk1"/>
    </cs:fontRef>
    <cs:spPr>
      <a:ln w="9525" cap="flat" cmpd="sng" algn="ctr">
        <a:solidFill>
          <a:schemeClr val="dk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ajor">
      <a:schemeClr val="dk1">
        <a:lumMod val="50000"/>
        <a:lumOff val="50000"/>
      </a:schemeClr>
    </cs:fontRef>
    <cs:defRPr sz="2128" b="1" kern="1200" spc="0" normalizeH="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dk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 cap="flat" cmpd="sng" algn="ctr">
        <a:solidFill>
          <a:schemeClr val="dk1">
            <a:lumMod val="50000"/>
            <a:lumOff val="50000"/>
          </a:schemeClr>
        </a:solidFill>
        <a:round/>
      </a:ln>
    </cs:spPr>
  </cs:upBar>
  <cs:valueAxis>
    <cs:lnRef idx="0"/>
    <cs:fillRef idx="0"/>
    <cs:effectRef idx="0"/>
    <cs:fontRef idx="minor">
      <a:schemeClr val="dk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dk1"/>
    </cs:fontRef>
  </cs:wall>
</cs:chartStyle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8A3C172-8945-4189-AABF-306FFB3D052F}" type="datetimeFigureOut">
              <a:rPr lang="en-US" smtClean="0"/>
              <a:t>6/5/2025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BC6894C-2343-459D-88D7-5041FE4A84B3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976209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1" dirty="0"/>
              <a:t>Hitachi Energy in the Hitachi Power Grids Business Unit</a:t>
            </a:r>
            <a:endParaRPr lang="de-CH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4626043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b="1" dirty="0"/>
              <a:t>Hitachi Energy in the Hitachi Power Grids Business Unit</a:t>
            </a:r>
            <a:endParaRPr lang="de-CH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2534266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BC6894C-2343-459D-88D7-5041FE4A84B3}" type="slidenum">
              <a:rPr lang="en-US" smtClean="0"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383636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sv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svg"/><Relationship Id="rId11" Type="http://schemas.openxmlformats.org/officeDocument/2006/relationships/image" Target="../media/image12.emf"/><Relationship Id="rId5" Type="http://schemas.openxmlformats.org/officeDocument/2006/relationships/image" Target="../media/image6.png"/><Relationship Id="rId10" Type="http://schemas.openxmlformats.org/officeDocument/2006/relationships/image" Target="../media/image11.svg"/><Relationship Id="rId4" Type="http://schemas.openxmlformats.org/officeDocument/2006/relationships/image" Target="../media/image5.svg"/><Relationship Id="rId9" Type="http://schemas.openxmlformats.org/officeDocument/2006/relationships/image" Target="../media/image10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sv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svg"/><Relationship Id="rId11" Type="http://schemas.openxmlformats.org/officeDocument/2006/relationships/image" Target="../media/image12.emf"/><Relationship Id="rId5" Type="http://schemas.openxmlformats.org/officeDocument/2006/relationships/image" Target="../media/image6.png"/><Relationship Id="rId10" Type="http://schemas.openxmlformats.org/officeDocument/2006/relationships/image" Target="../media/image11.svg"/><Relationship Id="rId4" Type="http://schemas.openxmlformats.org/officeDocument/2006/relationships/image" Target="../media/image5.svg"/><Relationship Id="rId9" Type="http://schemas.openxmlformats.org/officeDocument/2006/relationships/image" Target="../media/image10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sv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svg"/><Relationship Id="rId11" Type="http://schemas.openxmlformats.org/officeDocument/2006/relationships/image" Target="../media/image12.emf"/><Relationship Id="rId5" Type="http://schemas.openxmlformats.org/officeDocument/2006/relationships/image" Target="../media/image6.png"/><Relationship Id="rId10" Type="http://schemas.openxmlformats.org/officeDocument/2006/relationships/image" Target="../media/image11.svg"/><Relationship Id="rId4" Type="http://schemas.openxmlformats.org/officeDocument/2006/relationships/image" Target="../media/image5.svg"/><Relationship Id="rId9" Type="http://schemas.openxmlformats.org/officeDocument/2006/relationships/image" Target="../media/image10.pn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12.emf"/><Relationship Id="rId7" Type="http://schemas.openxmlformats.org/officeDocument/2006/relationships/image" Target="../media/image7.svg"/><Relationship Id="rId2" Type="http://schemas.openxmlformats.org/officeDocument/2006/relationships/image" Target="../media/image13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png"/><Relationship Id="rId11" Type="http://schemas.openxmlformats.org/officeDocument/2006/relationships/image" Target="../media/image11.svg"/><Relationship Id="rId5" Type="http://schemas.openxmlformats.org/officeDocument/2006/relationships/image" Target="../media/image5.svg"/><Relationship Id="rId10" Type="http://schemas.openxmlformats.org/officeDocument/2006/relationships/image" Target="../media/image10.png"/><Relationship Id="rId4" Type="http://schemas.openxmlformats.org/officeDocument/2006/relationships/image" Target="../media/image4.png"/><Relationship Id="rId9" Type="http://schemas.openxmlformats.org/officeDocument/2006/relationships/image" Target="../media/image9.svg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image" Target="../media/image18.png"/><Relationship Id="rId7" Type="http://schemas.openxmlformats.org/officeDocument/2006/relationships/image" Target="../media/image22.png"/><Relationship Id="rId12" Type="http://schemas.openxmlformats.org/officeDocument/2006/relationships/image" Target="../media/image27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1.png"/><Relationship Id="rId11" Type="http://schemas.openxmlformats.org/officeDocument/2006/relationships/image" Target="../media/image26.png"/><Relationship Id="rId5" Type="http://schemas.openxmlformats.org/officeDocument/2006/relationships/image" Target="../media/image20.png"/><Relationship Id="rId10" Type="http://schemas.openxmlformats.org/officeDocument/2006/relationships/image" Target="../media/image25.png"/><Relationship Id="rId4" Type="http://schemas.openxmlformats.org/officeDocument/2006/relationships/image" Target="../media/image19.png"/><Relationship Id="rId9" Type="http://schemas.openxmlformats.org/officeDocument/2006/relationships/image" Target="../media/image24.pn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5.svg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32.png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svg"/><Relationship Id="rId2" Type="http://schemas.openxmlformats.org/officeDocument/2006/relationships/image" Target="../media/image3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Brighter Picture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ctangle 20">
            <a:extLst>
              <a:ext uri="{FF2B5EF4-FFF2-40B4-BE49-F238E27FC236}">
                <a16:creationId xmlns:a16="http://schemas.microsoft.com/office/drawing/2014/main" id="{7F863E3D-E8C6-4587-A9FE-547D1D37E58C}"/>
              </a:ext>
            </a:extLst>
          </p:cNvPr>
          <p:cNvSpPr/>
          <p:nvPr userDrawn="1"/>
        </p:nvSpPr>
        <p:spPr>
          <a:xfrm>
            <a:off x="9099329" y="344152"/>
            <a:ext cx="2830711" cy="1032211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 dirty="0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 dirty="0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 hidden="1">
            <a:extLst>
              <a:ext uri="{FF2B5EF4-FFF2-40B4-BE49-F238E27FC236}">
                <a16:creationId xmlns:a16="http://schemas.microsoft.com/office/drawing/2014/main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>
            <a:extLst>
              <a:ext uri="{FF2B5EF4-FFF2-40B4-BE49-F238E27FC236}">
                <a16:creationId xmlns:a16="http://schemas.microsoft.com/office/drawing/2014/main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C1CABBB2-CA9C-41F3-A28D-6CEDF3BDE24A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sp>
        <p:nvSpPr>
          <p:cNvPr id="34" name="Footer Placeholder 4">
            <a:extLst>
              <a:ext uri="{FF2B5EF4-FFF2-40B4-BE49-F238E27FC236}">
                <a16:creationId xmlns:a16="http://schemas.microsoft.com/office/drawing/2014/main" id="{0486618B-68FB-45E3-A35A-DDD33A48B6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5" name="Slide Number Placeholder 5">
            <a:extLst>
              <a:ext uri="{FF2B5EF4-FFF2-40B4-BE49-F238E27FC236}">
                <a16:creationId xmlns:a16="http://schemas.microsoft.com/office/drawing/2014/main" id="{DC8ACF76-1594-442B-8415-8F2C0043D3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6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21B88A0-A403-4AB9-884E-E1F08D8A6559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7" name="Title 1" descr="{&#10; &quot;SkabelonDesign&quot;: {&#10; &quot;textualValue&quot;: &quot;&lt;key1/&gt;&quot;,&#10; &quot;bindingCollection&quot;: {&#10; &quot;key1&quot;: {&quot;SkabelonDesign&quot;:{&quot;type&quot;:&quot;Text&quot;,&quot;binding&quot;:&quot;Title&quot;}}&#10; }&#10; }&#10;}">
            <a:extLst>
              <a:ext uri="{FF2B5EF4-FFF2-40B4-BE49-F238E27FC236}">
                <a16:creationId xmlns:a16="http://schemas.microsoft.com/office/drawing/2014/main" id="{85A083AA-2179-4949-BA44-96F5E7F17DD0}"/>
              </a:ext>
            </a:extLst>
          </p:cNvPr>
          <p:cNvSpPr txBox="1">
            <a:spLocks/>
          </p:cNvSpPr>
          <p:nvPr userDrawn="1"/>
        </p:nvSpPr>
        <p:spPr>
          <a:xfrm>
            <a:off x="1368000" y="5090400"/>
            <a:ext cx="10555200" cy="4932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38" name="Subtitle 2" descr="{&#10; &quot;SkabelonDesign&quot;: {&#10; &quot;textualValue&quot;: &quot;&lt;key1/&gt;&quot;,&#10; &quot;bindingCollection&quot;: {&#10; &quot;key1&quot;: {&quot;SkabelonDesign&quot;:{&quot;type&quot;:&quot;Text&quot;,&quot;binding&quot;:&quot;SupplementaryTitle&quot;}}&#10; }&#10; }&#10;}">
            <a:extLst>
              <a:ext uri="{FF2B5EF4-FFF2-40B4-BE49-F238E27FC236}">
                <a16:creationId xmlns:a16="http://schemas.microsoft.com/office/drawing/2014/main" id="{9D64BD7E-9341-47BB-BA00-E31F74C1F95B}"/>
              </a:ext>
            </a:extLst>
          </p:cNvPr>
          <p:cNvSpPr txBox="1">
            <a:spLocks/>
          </p:cNvSpPr>
          <p:nvPr userDrawn="1"/>
        </p:nvSpPr>
        <p:spPr>
          <a:xfrm>
            <a:off x="1378800" y="5583600"/>
            <a:ext cx="10555200" cy="3276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39" name="Subtitle 2" descr="{&#10; &quot;SkabelonDesign&quot;: {&#10; &quot;textualValue&quot;: &quot;&lt;key1/&gt;&quot;,&#10; &quot;bindingCollection&quot;: {&#10; &quot;key1&quot;: {&quot;SkabelonDesign&quot;:{&quot;type&quot;:&quot;Text&quot;,&quot;binding&quot;:&quot;AdditionalInformation&quot;}}&#10; }&#10; }&#10;}">
            <a:extLst>
              <a:ext uri="{FF2B5EF4-FFF2-40B4-BE49-F238E27FC236}">
                <a16:creationId xmlns:a16="http://schemas.microsoft.com/office/drawing/2014/main" id="{0EC2E723-61CE-4C8C-BECE-AF3403B1D12D}"/>
              </a:ext>
            </a:extLst>
          </p:cNvPr>
          <p:cNvSpPr txBox="1">
            <a:spLocks/>
          </p:cNvSpPr>
          <p:nvPr userDrawn="1"/>
        </p:nvSpPr>
        <p:spPr>
          <a:xfrm>
            <a:off x="1378800" y="5972400"/>
            <a:ext cx="10555200" cy="3060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tx1"/>
              </a:solidFill>
            </a:endParaRPr>
          </a:p>
        </p:txBody>
      </p:sp>
      <p:sp>
        <p:nvSpPr>
          <p:cNvPr id="40" name="text" descr="{&#10; &quot;SkabelonDesign&quot;: {&#10; &quot;textualValue&quot;: &quot;&lt;key1/&gt;&quot;,&#10; &quot;bindingCollection&quot;: {&#10; &quot;key1&quot;: {&quot;SkabelonDesign&quot;:{&quot;type&quot;:&quot;Text&quot;,&quot;binding&quot;:&quot;PreparedDate&quot;}}&#10; }&#10; }&#10;}">
            <a:extLst>
              <a:ext uri="{FF2B5EF4-FFF2-40B4-BE49-F238E27FC236}">
                <a16:creationId xmlns:a16="http://schemas.microsoft.com/office/drawing/2014/main" id="{CDF51FEF-E9E1-4C32-AB05-F101B7031708}"/>
              </a:ext>
            </a:extLst>
          </p:cNvPr>
          <p:cNvSpPr txBox="1"/>
          <p:nvPr userDrawn="1"/>
        </p:nvSpPr>
        <p:spPr bwMode="gray">
          <a:xfrm>
            <a:off x="1378800" y="6547975"/>
            <a:ext cx="2889921" cy="15494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930">
                <a:solidFill>
                  <a:schemeClr val="tx1"/>
                </a:solidFill>
              </a:rPr>
              <a:t>2023-11-02</a:t>
            </a:r>
            <a:endParaRPr lang="en-GB" sz="93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06963090"/>
      </p:ext>
    </p:extLst>
  </p:cSld>
  <p:clrMapOvr>
    <a:masterClrMapping/>
  </p:clrMapOvr>
  <p:hf hdr="0" dt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Red box (1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17200" y="882650"/>
            <a:ext cx="89748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56BC035B-BAB1-4A51-BFA6-CE8077EA9BCB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375200"/>
            <a:ext cx="3672000" cy="2160000"/>
          </a:xfrm>
          <a:solidFill>
            <a:schemeClr val="tx2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49C6567E-C4DF-4FB0-9D5E-ACC3B7BDA53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CE7135E-979F-46C5-87ED-9340DADDAF4C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817AC20B-743F-47C0-98DF-04476E56401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44374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22B03D77-2FA2-473A-AE4B-5598DD84CA04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17457" y="3879442"/>
            <a:ext cx="4074543" cy="2465796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22A883F4-CFBC-4CBC-8A0D-C4833E1B0B29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8117457" y="1947770"/>
            <a:ext cx="3811019" cy="1931672"/>
          </a:xfrm>
        </p:spPr>
        <p:txBody>
          <a:bodyPr lIns="324000" tIns="0" rIns="108000" bIns="32400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F53AC1E3-D661-4688-928C-C864A4595EA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117457" y="882649"/>
            <a:ext cx="3811019" cy="805271"/>
          </a:xfrm>
        </p:spPr>
        <p:txBody>
          <a:bodyPr lIns="324000" tIns="21600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20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E6774A-9B02-43E6-AF77-2A4668151235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728D6A8E-B7B2-46FE-B092-198A01EC3C4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8623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(1.2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77AD5145-5964-48FD-8668-FAC67E019C0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1999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DE5099-B64D-4E55-81FB-49ABBB6A644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6329601D-B987-48A1-91A5-3437FFB0929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95316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5EFDDFA6-A169-418F-B10F-BD5F68A5495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20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443FC17-BCDF-43B2-ACE2-E95733DC12BE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125538"/>
            <a:ext cx="3672236" cy="4471200"/>
          </a:xfrm>
          <a:solidFill>
            <a:schemeClr val="bg1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5CF78A4-6DF2-4125-932D-83748BE56F6E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D4975902-38A0-4F75-A808-F5066273AE1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5866475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4) &amp; (Red) (1.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431704" y="1268760"/>
            <a:ext cx="4248472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97E6A79D-7394-4BCC-8689-C94B7FC7798A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896027" y="1268760"/>
            <a:ext cx="4032448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A2501572-ACDF-4C5D-9DF5-F46F5B75D4D3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431704" y="3896966"/>
            <a:ext cx="4248472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E9DDE618-DE60-409A-81C9-DF306EC1F8BE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896027" y="3896966"/>
            <a:ext cx="4032448" cy="244827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DE7F3C5-E709-407F-AE6E-D2E1093035DE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268760"/>
            <a:ext cx="2952155" cy="5076478"/>
          </a:xfrm>
          <a:solidFill>
            <a:srgbClr val="B3B3B3"/>
          </a:solidFill>
        </p:spPr>
        <p:txBody>
          <a:bodyPr lIns="252000" tIns="216000" rIns="252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1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42B434BB-384B-450C-9091-686F6412B5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5AEE6A2-4B6B-4A09-A7D9-F9C49430E5C2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id="{CC30C0F8-B60E-459E-96E8-998FEC15716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098196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 &amp; Numbers (3) (1.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8" name="Text Placeholder 11">
            <a:extLst>
              <a:ext uri="{FF2B5EF4-FFF2-40B4-BE49-F238E27FC236}">
                <a16:creationId xmlns:a16="http://schemas.microsoft.com/office/drawing/2014/main" id="{D66D41FB-EBBB-45E5-AA8A-76C72AEA443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87157" y="4887774"/>
            <a:ext cx="2134531" cy="1457464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9" name="Text Placeholder 11">
            <a:extLst>
              <a:ext uri="{FF2B5EF4-FFF2-40B4-BE49-F238E27FC236}">
                <a16:creationId xmlns:a16="http://schemas.microsoft.com/office/drawing/2014/main" id="{8EDA41C2-2290-499E-8ACE-371016FB2DD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87157" y="1376172"/>
            <a:ext cx="2134533" cy="1476762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Text Placeholder 11">
            <a:extLst>
              <a:ext uri="{FF2B5EF4-FFF2-40B4-BE49-F238E27FC236}">
                <a16:creationId xmlns:a16="http://schemas.microsoft.com/office/drawing/2014/main" id="{B9761349-0BC1-4522-9BB5-236A6C6DA2C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87158" y="3125396"/>
            <a:ext cx="2134532" cy="1457463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2" name="Content Placeholder 3">
            <a:extLst>
              <a:ext uri="{FF2B5EF4-FFF2-40B4-BE49-F238E27FC236}">
                <a16:creationId xmlns:a16="http://schemas.microsoft.com/office/drawing/2014/main" id="{8639E75B-2B3B-453D-A5CE-4B15CE535425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4160766" y="1376172"/>
            <a:ext cx="7754326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3" name="Content Placeholder 3">
            <a:extLst>
              <a:ext uri="{FF2B5EF4-FFF2-40B4-BE49-F238E27FC236}">
                <a16:creationId xmlns:a16="http://schemas.microsoft.com/office/drawing/2014/main" id="{3F549D67-9CCF-403B-9844-74DA91D73AD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4160766" y="3125397"/>
            <a:ext cx="7754326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4" name="Content Placeholder 3">
            <a:extLst>
              <a:ext uri="{FF2B5EF4-FFF2-40B4-BE49-F238E27FC236}">
                <a16:creationId xmlns:a16="http://schemas.microsoft.com/office/drawing/2014/main" id="{5764BC31-84F6-4F9C-950F-1DB463181F61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4160766" y="4887774"/>
            <a:ext cx="7754326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5" name="Content Placeholder 6">
            <a:extLst>
              <a:ext uri="{FF2B5EF4-FFF2-40B4-BE49-F238E27FC236}">
                <a16:creationId xmlns:a16="http://schemas.microsoft.com/office/drawing/2014/main" id="{241EB6F0-A5E9-49D0-9344-731EBEC9A4F8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1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56" name="Content Placeholder 6">
            <a:extLst>
              <a:ext uri="{FF2B5EF4-FFF2-40B4-BE49-F238E27FC236}">
                <a16:creationId xmlns:a16="http://schemas.microsoft.com/office/drawing/2014/main" id="{35D6B1E9-843A-44D2-9E4F-5AA45F978A8E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3132069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4D4D4D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2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57" name="Content Placeholder 6">
            <a:extLst>
              <a:ext uri="{FF2B5EF4-FFF2-40B4-BE49-F238E27FC236}">
                <a16:creationId xmlns:a16="http://schemas.microsoft.com/office/drawing/2014/main" id="{8EA1DB4F-027D-4DCE-81D8-A7E251902E5A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88777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B3B3B3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3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D603C7F9-F2C0-4B89-AFD9-9B6659A7406F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F66301D0-3E1E-4551-B9DA-012B69A86F5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800763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3) &amp; Numbers (3) &amp; Box (1.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8" name="Text Placeholder 11">
            <a:extLst>
              <a:ext uri="{FF2B5EF4-FFF2-40B4-BE49-F238E27FC236}">
                <a16:creationId xmlns:a16="http://schemas.microsoft.com/office/drawing/2014/main" id="{D66D41FB-EBBB-45E5-AA8A-76C72AEA443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87157" y="4303084"/>
            <a:ext cx="2134531" cy="1294301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9" name="Text Placeholder 11">
            <a:extLst>
              <a:ext uri="{FF2B5EF4-FFF2-40B4-BE49-F238E27FC236}">
                <a16:creationId xmlns:a16="http://schemas.microsoft.com/office/drawing/2014/main" id="{8EDA41C2-2290-499E-8ACE-371016FB2DD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87157" y="1376172"/>
            <a:ext cx="2134533" cy="1311439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0" name="Text Placeholder 11">
            <a:extLst>
              <a:ext uri="{FF2B5EF4-FFF2-40B4-BE49-F238E27FC236}">
                <a16:creationId xmlns:a16="http://schemas.microsoft.com/office/drawing/2014/main" id="{B9761349-0BC1-4522-9BB5-236A6C6DA2C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87158" y="2863929"/>
            <a:ext cx="2134532" cy="1294300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2" name="Content Placeholder 3">
            <a:extLst>
              <a:ext uri="{FF2B5EF4-FFF2-40B4-BE49-F238E27FC236}">
                <a16:creationId xmlns:a16="http://schemas.microsoft.com/office/drawing/2014/main" id="{8639E75B-2B3B-453D-A5CE-4B15CE535425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4160766" y="1376172"/>
            <a:ext cx="7754326" cy="1311439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3" name="Content Placeholder 3">
            <a:extLst>
              <a:ext uri="{FF2B5EF4-FFF2-40B4-BE49-F238E27FC236}">
                <a16:creationId xmlns:a16="http://schemas.microsoft.com/office/drawing/2014/main" id="{3F549D67-9CCF-403B-9844-74DA91D73AD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4160766" y="2863928"/>
            <a:ext cx="7754326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4" name="Content Placeholder 3">
            <a:extLst>
              <a:ext uri="{FF2B5EF4-FFF2-40B4-BE49-F238E27FC236}">
                <a16:creationId xmlns:a16="http://schemas.microsoft.com/office/drawing/2014/main" id="{5764BC31-84F6-4F9C-950F-1DB463181F61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4160766" y="4303084"/>
            <a:ext cx="7754326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5" name="Content Placeholder 6">
            <a:extLst>
              <a:ext uri="{FF2B5EF4-FFF2-40B4-BE49-F238E27FC236}">
                <a16:creationId xmlns:a16="http://schemas.microsoft.com/office/drawing/2014/main" id="{241EB6F0-A5E9-49D0-9344-731EBEC9A4F8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1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56" name="Content Placeholder 6">
            <a:extLst>
              <a:ext uri="{FF2B5EF4-FFF2-40B4-BE49-F238E27FC236}">
                <a16:creationId xmlns:a16="http://schemas.microsoft.com/office/drawing/2014/main" id="{35D6B1E9-843A-44D2-9E4F-5AA45F978A8E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2863928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4D4D4D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2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57" name="Content Placeholder 6">
            <a:extLst>
              <a:ext uri="{FF2B5EF4-FFF2-40B4-BE49-F238E27FC236}">
                <a16:creationId xmlns:a16="http://schemas.microsoft.com/office/drawing/2014/main" id="{8EA1DB4F-027D-4DCE-81D8-A7E251902E5A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30308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B3B3B3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3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19" name="Text Placeholder 7">
            <a:extLst>
              <a:ext uri="{FF2B5EF4-FFF2-40B4-BE49-F238E27FC236}">
                <a16:creationId xmlns:a16="http://schemas.microsoft.com/office/drawing/2014/main" id="{D3D5E6C0-AC7A-4306-8846-16E5BB9FA9E1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E1FB1E0-9A33-4316-976D-4A3580575DA7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CB48DD37-A091-48B5-B39F-E7F26495268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02636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9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887774"/>
            <a:ext cx="2952153" cy="1457464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476762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41623"/>
            <a:ext cx="2952155" cy="1457463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8409A613-09A4-42FF-A74A-7A69B8896E14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211201" y="1376172"/>
            <a:ext cx="4385354" cy="1476762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004768D5-0EB9-4F5E-BAF5-E0A18FAD939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11200" y="3141622"/>
            <a:ext cx="4385355" cy="1457464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7" name="Content Placeholder 3">
            <a:extLst>
              <a:ext uri="{FF2B5EF4-FFF2-40B4-BE49-F238E27FC236}">
                <a16:creationId xmlns:a16="http://schemas.microsoft.com/office/drawing/2014/main" id="{B5A965DB-21DC-41B0-8898-D546D54A6055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211200" y="4887774"/>
            <a:ext cx="4385355" cy="1457464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38ECCDC7-B909-4B40-A194-391D7E56A217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7835633" y="1376172"/>
            <a:ext cx="4092842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FB68AC9-1A7B-4F55-BA72-C65F9F7C17C8}"/>
              </a:ext>
            </a:extLst>
          </p:cNvPr>
          <p:cNvSpPr>
            <a:spLocks noGrp="1"/>
          </p:cNvSpPr>
          <p:nvPr>
            <p:ph sz="quarter" idx="33"/>
          </p:nvPr>
        </p:nvSpPr>
        <p:spPr bwMode="gray">
          <a:xfrm>
            <a:off x="7835632" y="3141622"/>
            <a:ext cx="409284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35D02AC1-EF4A-4AA3-A0CC-FB54DCBC60CA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7835632" y="4887774"/>
            <a:ext cx="409284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4FBF9A3-4A2F-4768-B67B-D40335DD59D7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4CA2F72E-FF47-4AEA-80EF-04E3A696801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677805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9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398803"/>
            <a:ext cx="2952153" cy="1208528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224530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2895489"/>
            <a:ext cx="2952155" cy="1208527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8409A613-09A4-42FF-A74A-7A69B8896E14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211201" y="1376172"/>
            <a:ext cx="4385354" cy="1224530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004768D5-0EB9-4F5E-BAF5-E0A18FAD939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11200" y="2895488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7" name="Content Placeholder 3">
            <a:extLst>
              <a:ext uri="{FF2B5EF4-FFF2-40B4-BE49-F238E27FC236}">
                <a16:creationId xmlns:a16="http://schemas.microsoft.com/office/drawing/2014/main" id="{B5A965DB-21DC-41B0-8898-D546D54A6055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211200" y="4398803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38ECCDC7-B909-4B40-A194-391D7E56A217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7835633" y="1376172"/>
            <a:ext cx="4092842" cy="1224530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FB68AC9-1A7B-4F55-BA72-C65F9F7C17C8}"/>
              </a:ext>
            </a:extLst>
          </p:cNvPr>
          <p:cNvSpPr>
            <a:spLocks noGrp="1"/>
          </p:cNvSpPr>
          <p:nvPr>
            <p:ph sz="quarter" idx="33"/>
          </p:nvPr>
        </p:nvSpPr>
        <p:spPr bwMode="gray">
          <a:xfrm>
            <a:off x="7835632" y="2895488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35D02AC1-EF4A-4AA3-A0CC-FB54DCBC60CA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7835632" y="4398803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7DC377B2-C877-4C10-9582-0E24CE80BE46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34A342E-E498-4DD7-A1EB-71A045B7E387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1C9DF303-8EEC-4D9E-8083-582D7E69327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9905162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9) &amp; Box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398803"/>
            <a:ext cx="2952153" cy="1208528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224530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2895489"/>
            <a:ext cx="2952155" cy="1208527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8409A613-09A4-42FF-A74A-7A69B8896E14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211201" y="1376172"/>
            <a:ext cx="4385354" cy="1224530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004768D5-0EB9-4F5E-BAF5-E0A18FAD9394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11200" y="2895489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7" name="Content Placeholder 3">
            <a:extLst>
              <a:ext uri="{FF2B5EF4-FFF2-40B4-BE49-F238E27FC236}">
                <a16:creationId xmlns:a16="http://schemas.microsoft.com/office/drawing/2014/main" id="{B5A965DB-21DC-41B0-8898-D546D54A6055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211200" y="4398803"/>
            <a:ext cx="4385355" cy="1208528"/>
          </a:xfrm>
          <a:solidFill>
            <a:srgbClr val="D9D9D9"/>
          </a:solidFill>
        </p:spPr>
        <p:txBody>
          <a:bodyPr lIns="108000" tIns="108000" rIns="108000" bIns="108000"/>
          <a:lstStyle>
            <a:lvl1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2pPr>
            <a:lvl3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600"/>
              </a:spcBef>
              <a:defRPr sz="12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38ECCDC7-B909-4B40-A194-391D7E56A217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7835633" y="1376172"/>
            <a:ext cx="4092842" cy="1224530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FB68AC9-1A7B-4F55-BA72-C65F9F7C17C8}"/>
              </a:ext>
            </a:extLst>
          </p:cNvPr>
          <p:cNvSpPr>
            <a:spLocks noGrp="1"/>
          </p:cNvSpPr>
          <p:nvPr>
            <p:ph sz="quarter" idx="33"/>
          </p:nvPr>
        </p:nvSpPr>
        <p:spPr bwMode="gray">
          <a:xfrm>
            <a:off x="7835632" y="2895488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35D02AC1-EF4A-4AA3-A0CC-FB54DCBC60CA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7835632" y="4398803"/>
            <a:ext cx="409284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7DC377B2-C877-4C10-9582-0E24CE80BE46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25FBDD5-5B50-432C-8F8B-7EA0EF44A2F2}"/>
              </a:ext>
            </a:extLst>
          </p:cNvPr>
          <p:cNvSpPr>
            <a:spLocks noGrp="1"/>
          </p:cNvSpPr>
          <p:nvPr>
            <p:ph type="sldNum" sz="quarter" idx="3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CCBC895B-E647-494D-9464-D05F3FBC5EE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2978992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Brighter Picture B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ctangle 20">
            <a:extLst>
              <a:ext uri="{FF2B5EF4-FFF2-40B4-BE49-F238E27FC236}">
                <a16:creationId xmlns:a16="http://schemas.microsoft.com/office/drawing/2014/main" id="{7F863E3D-E8C6-4587-A9FE-547D1D37E58C}"/>
              </a:ext>
            </a:extLst>
          </p:cNvPr>
          <p:cNvSpPr/>
          <p:nvPr userDrawn="1"/>
        </p:nvSpPr>
        <p:spPr>
          <a:xfrm>
            <a:off x="9099329" y="344152"/>
            <a:ext cx="2830711" cy="1032211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 dirty="0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 dirty="0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 hidden="1">
            <a:extLst>
              <a:ext uri="{FF2B5EF4-FFF2-40B4-BE49-F238E27FC236}">
                <a16:creationId xmlns:a16="http://schemas.microsoft.com/office/drawing/2014/main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>
            <a:extLst>
              <a:ext uri="{FF2B5EF4-FFF2-40B4-BE49-F238E27FC236}">
                <a16:creationId xmlns:a16="http://schemas.microsoft.com/office/drawing/2014/main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sp>
        <p:nvSpPr>
          <p:cNvPr id="34" name="Footer Placeholder 4">
            <a:extLst>
              <a:ext uri="{FF2B5EF4-FFF2-40B4-BE49-F238E27FC236}">
                <a16:creationId xmlns:a16="http://schemas.microsoft.com/office/drawing/2014/main" id="{0486618B-68FB-45E3-A35A-DDD33A48B6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5" name="Slide Number Placeholder 5">
            <a:extLst>
              <a:ext uri="{FF2B5EF4-FFF2-40B4-BE49-F238E27FC236}">
                <a16:creationId xmlns:a16="http://schemas.microsoft.com/office/drawing/2014/main" id="{DC8ACF76-1594-442B-8415-8F2C0043D3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2" name="Text Placeholder 8">
            <a:extLst>
              <a:ext uri="{FF2B5EF4-FFF2-40B4-BE49-F238E27FC236}">
                <a16:creationId xmlns:a16="http://schemas.microsoft.com/office/drawing/2014/main" id="{36A589DD-7E0A-4E4B-95D5-D702B10B00C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378800" y="6544105"/>
            <a:ext cx="2876400" cy="154800"/>
          </a:xfrm>
        </p:spPr>
        <p:txBody>
          <a:bodyPr tIns="0" anchor="ctr"/>
          <a:lstStyle>
            <a:lvl1pPr>
              <a:defRPr sz="900">
                <a:latin typeface="+mn-lt"/>
                <a:cs typeface="Arial" panose="020B0604020202020204" pitchFamily="34" charset="0"/>
              </a:defRPr>
            </a:lvl1pPr>
            <a:lvl2pPr>
              <a:defRPr sz="930"/>
            </a:lvl2pPr>
            <a:lvl3pPr>
              <a:defRPr sz="930"/>
            </a:lvl3pPr>
            <a:lvl4pPr>
              <a:defRPr sz="930"/>
            </a:lvl4pPr>
            <a:lvl5pPr>
              <a:defRPr sz="930"/>
            </a:lvl5pPr>
          </a:lstStyle>
          <a:p>
            <a:pPr lvl="0"/>
            <a:r>
              <a:rPr lang="en-GB" dirty="0"/>
              <a:t>YYYY-MM-DD</a:t>
            </a:r>
          </a:p>
        </p:txBody>
      </p:sp>
      <p:pic>
        <p:nvPicPr>
          <p:cNvPr id="42" name="Picture 41">
            <a:extLst>
              <a:ext uri="{FF2B5EF4-FFF2-40B4-BE49-F238E27FC236}">
                <a16:creationId xmlns:a16="http://schemas.microsoft.com/office/drawing/2014/main" id="{96F3ED43-7C10-441F-A85E-DD38A4A69668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sp>
        <p:nvSpPr>
          <p:cNvPr id="4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A1D0E42A-229D-4B51-85D9-00EA3C02B2A2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4" name="Title 1">
            <a:extLst>
              <a:ext uri="{FF2B5EF4-FFF2-40B4-BE49-F238E27FC236}">
                <a16:creationId xmlns:a16="http://schemas.microsoft.com/office/drawing/2014/main" id="{622B9DBC-F3CB-4876-8A41-37F96EA18BB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68000" y="5090400"/>
            <a:ext cx="10555200" cy="493200"/>
          </a:xfrm>
        </p:spPr>
        <p:txBody>
          <a:bodyPr anchor="t"/>
          <a:lstStyle>
            <a:lvl1pPr algn="l">
              <a:lnSpc>
                <a:spcPct val="100000"/>
              </a:lnSpc>
              <a:defRPr sz="2800" b="1">
                <a:solidFill>
                  <a:schemeClr val="tx1"/>
                </a:solidFill>
              </a:defRPr>
            </a:lvl1pPr>
          </a:lstStyle>
          <a:p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Title</a:t>
            </a:r>
          </a:p>
        </p:txBody>
      </p:sp>
      <p:sp>
        <p:nvSpPr>
          <p:cNvPr id="45" name="Subtitle 2">
            <a:extLst>
              <a:ext uri="{FF2B5EF4-FFF2-40B4-BE49-F238E27FC236}">
                <a16:creationId xmlns:a16="http://schemas.microsoft.com/office/drawing/2014/main" id="{2F3D19D8-C5FF-4F6C-8CA3-962131EC98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78800" y="5583600"/>
            <a:ext cx="10555200" cy="327600"/>
          </a:xfrm>
        </p:spPr>
        <p:txBody>
          <a:bodyPr tIns="0"/>
          <a:lstStyle>
            <a:lvl1pPr marL="0" indent="0" algn="l">
              <a:buNone/>
              <a:defRPr sz="20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Subtitle</a:t>
            </a:r>
          </a:p>
        </p:txBody>
      </p:sp>
      <p:sp>
        <p:nvSpPr>
          <p:cNvPr id="46" name="Text Placeholder 6">
            <a:extLst>
              <a:ext uri="{FF2B5EF4-FFF2-40B4-BE49-F238E27FC236}">
                <a16:creationId xmlns:a16="http://schemas.microsoft.com/office/drawing/2014/main" id="{15452E9B-8B9B-4AFA-9E46-A271FE2529E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378800" y="5972400"/>
            <a:ext cx="10555200" cy="306000"/>
          </a:xfrm>
        </p:spPr>
        <p:txBody>
          <a:bodyPr tIns="0"/>
          <a:lstStyle>
            <a:lvl1pPr>
              <a:defRPr>
                <a:latin typeface="Arial Nova Light" panose="020B0304020202020204" pitchFamily="34" charset="0"/>
              </a:defRPr>
            </a:lvl1pPr>
          </a:lstStyle>
          <a:p>
            <a:pPr lvl="0"/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Additional information</a:t>
            </a:r>
          </a:p>
        </p:txBody>
      </p:sp>
    </p:spTree>
    <p:extLst>
      <p:ext uri="{BB962C8B-B14F-4D97-AF65-F5344CB8AC3E}">
        <p14:creationId xmlns:p14="http://schemas.microsoft.com/office/powerpoint/2010/main" val="3265181682"/>
      </p:ext>
    </p:extLst>
  </p:cSld>
  <p:clrMapOvr>
    <a:masterClrMapping/>
  </p:clrMapOvr>
  <p:hf hdr="0" dt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3) &amp;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9C59FB2E-26EE-4C62-96FC-DAC9216CD4A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887774"/>
            <a:ext cx="2952153" cy="1457464"/>
          </a:xfrm>
          <a:solidFill>
            <a:srgbClr val="B3B3B3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E2E51721-D2A7-43F7-AE5D-32351049CC4A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6172"/>
            <a:ext cx="2952156" cy="1476762"/>
          </a:xfrm>
          <a:solidFill>
            <a:schemeClr val="tx2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3119F755-6EE0-4D98-8C45-43092D7CA75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25396"/>
            <a:ext cx="2952155" cy="1457463"/>
          </a:xfrm>
          <a:solidFill>
            <a:srgbClr val="4D4D4D"/>
          </a:solidFill>
        </p:spPr>
        <p:txBody>
          <a:bodyPr lIns="108000" tIns="108000" r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Picture Placeholder 3">
            <a:extLst>
              <a:ext uri="{FF2B5EF4-FFF2-40B4-BE49-F238E27FC236}">
                <a16:creationId xmlns:a16="http://schemas.microsoft.com/office/drawing/2014/main" id="{56FDF79A-1A36-4C91-8B67-51292BAD1F4A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>
          <a:xfrm>
            <a:off x="3489049" y="1376364"/>
            <a:ext cx="8437840" cy="4968873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55C6F6F-1E93-42EA-8E64-770254FABFE7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A5FD4ECE-1217-4037-AF75-04E62367155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574642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(3)  Numbers &amp; (3)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8E9939FA-DD63-4218-9D50-656BD6554C2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4" y="3416160"/>
            <a:ext cx="3528219" cy="1449415"/>
          </a:xfrm>
          <a:solidFill>
            <a:schemeClr val="tx2"/>
          </a:solidFill>
        </p:spPr>
        <p:txBody>
          <a:bodyPr lIns="108000" tIns="108000" rIns="108000" b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3EF0C493-4E28-4B4C-94D0-38B1AFE873C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4325749" y="3416160"/>
            <a:ext cx="3528036" cy="1449415"/>
          </a:xfrm>
          <a:solidFill>
            <a:srgbClr val="4D4D4D"/>
          </a:solidFill>
        </p:spPr>
        <p:txBody>
          <a:bodyPr lIns="108000" tIns="108000" rIns="108000" b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09D0A801-928A-4A3A-915F-59029C73D8B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381696" y="3416160"/>
            <a:ext cx="3546779" cy="1449415"/>
          </a:xfrm>
          <a:solidFill>
            <a:srgbClr val="B3B3B3"/>
          </a:solidFill>
        </p:spPr>
        <p:txBody>
          <a:bodyPr lIns="108000" tIns="108000" rIns="108000" bIns="1080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1" name="Content Placeholder 6">
            <a:extLst>
              <a:ext uri="{FF2B5EF4-FFF2-40B4-BE49-F238E27FC236}">
                <a16:creationId xmlns:a16="http://schemas.microsoft.com/office/drawing/2014/main" id="{EB48B66A-D6B5-4E4F-844E-EF0C26AFB55F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1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22" name="Content Placeholder 6">
            <a:extLst>
              <a:ext uri="{FF2B5EF4-FFF2-40B4-BE49-F238E27FC236}">
                <a16:creationId xmlns:a16="http://schemas.microsoft.com/office/drawing/2014/main" id="{83FD57A8-6479-4985-9F0E-144CBA3F5AFA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432556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4D4D4D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2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23" name="Content Placeholder 6">
            <a:extLst>
              <a:ext uri="{FF2B5EF4-FFF2-40B4-BE49-F238E27FC236}">
                <a16:creationId xmlns:a16="http://schemas.microsoft.com/office/drawing/2014/main" id="{4148E4F7-968B-4124-BA4A-561A36CD2CF6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8381692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rgbClr val="B3B3B3"/>
                </a:solidFill>
                <a:latin typeface="+mn-lt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pPr lvl="0"/>
            <a:r>
              <a:rPr lang="en-US" dirty="0"/>
              <a:t>0</a:t>
            </a:r>
            <a:r>
              <a:rPr lang="pl-PL" dirty="0"/>
              <a:t>3</a:t>
            </a:r>
            <a:r>
              <a:rPr lang="en-US" dirty="0"/>
              <a:t>.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C73073-C2B0-4F59-B2BD-DE1DD6C5A903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id="{B426BB0C-F133-4E02-9BCA-328562F6495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7434070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4) &amp; Content (4) &amp; Numbers (4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D1D57BDC-6E92-486A-AE2C-5DDC13E1D23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263525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02392784-44EE-4314-84BD-B868C1661DD3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3D96C7B1-1BCB-4F43-BFC8-1399F3D135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3251841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id="{CDAC2527-DFB4-4638-8DCD-E04B936CE13D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251841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B5DAA13-2760-45CC-A6EC-7BEB802406FC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6240158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8E59A62E-84C3-48BA-868C-E3454A6916E1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6240158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9BBCBA5-D7D9-4D52-8F30-668C4D95A73A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9228475" y="3416161"/>
            <a:ext cx="2700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8" name="Content Placeholder 3">
            <a:extLst>
              <a:ext uri="{FF2B5EF4-FFF2-40B4-BE49-F238E27FC236}">
                <a16:creationId xmlns:a16="http://schemas.microsoft.com/office/drawing/2014/main" id="{F2921E8B-05BF-434D-A65F-66946D72EAE7}"/>
              </a:ext>
            </a:extLst>
          </p:cNvPr>
          <p:cNvSpPr>
            <a:spLocks noGrp="1"/>
          </p:cNvSpPr>
          <p:nvPr>
            <p:ph sz="quarter" idx="34"/>
          </p:nvPr>
        </p:nvSpPr>
        <p:spPr bwMode="gray">
          <a:xfrm>
            <a:off x="9228475" y="3787380"/>
            <a:ext cx="2700000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0" name="Content Placeholder 6">
            <a:extLst>
              <a:ext uri="{FF2B5EF4-FFF2-40B4-BE49-F238E27FC236}">
                <a16:creationId xmlns:a16="http://schemas.microsoft.com/office/drawing/2014/main" id="{D4A65557-9CD2-406D-8B52-6943070AE0A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325184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39" name="Content Placeholder 6">
            <a:extLst>
              <a:ext uri="{FF2B5EF4-FFF2-40B4-BE49-F238E27FC236}">
                <a16:creationId xmlns:a16="http://schemas.microsoft.com/office/drawing/2014/main" id="{018F2D4F-C26A-4C5E-A29A-571528EABD05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624015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id="{6F08678E-73C5-4F03-9E09-85D20BD9B99F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42" name="Content Placeholder 6">
            <a:extLst>
              <a:ext uri="{FF2B5EF4-FFF2-40B4-BE49-F238E27FC236}">
                <a16:creationId xmlns:a16="http://schemas.microsoft.com/office/drawing/2014/main" id="{38A6D437-EBE7-487A-A3B0-DE8D773F65CB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22847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4.</a:t>
            </a:r>
          </a:p>
        </p:txBody>
      </p:sp>
      <p:sp>
        <p:nvSpPr>
          <p:cNvPr id="24" name="Title 1">
            <a:extLst>
              <a:ext uri="{FF2B5EF4-FFF2-40B4-BE49-F238E27FC236}">
                <a16:creationId xmlns:a16="http://schemas.microsoft.com/office/drawing/2014/main" id="{9F5DB350-91E1-4DA9-BF69-38FC41505E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8973EA3-348D-49E5-B5B8-CA8C8916C328}"/>
              </a:ext>
            </a:extLst>
          </p:cNvPr>
          <p:cNvSpPr>
            <a:spLocks noGrp="1"/>
          </p:cNvSpPr>
          <p:nvPr>
            <p:ph type="sldNum" sz="quarter" idx="5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9" name="Footer Placeholder 5">
            <a:extLst>
              <a:ext uri="{FF2B5EF4-FFF2-40B4-BE49-F238E27FC236}">
                <a16:creationId xmlns:a16="http://schemas.microsoft.com/office/drawing/2014/main" id="{DAD0F164-0FE9-4627-8AE4-C4EBFB88844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37881492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4.1) &amp; Content (4.1) &amp; Numbers (4.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BF68FEBD-BEFC-4726-874B-6289F0616A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092CBB90-B3D5-45EB-A5C7-4055E1FF503F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 bwMode="gray">
          <a:xfrm>
            <a:off x="1770501" y="280537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728B220A-6603-4016-8181-30353C6AE4C9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 bwMode="gray">
          <a:xfrm>
            <a:off x="1770501" y="4122968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30EC2DD-1F4A-4356-9646-C28E53D7970A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 bwMode="gray">
          <a:xfrm>
            <a:off x="1770501" y="5443614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49" name="Content Placeholder 3">
            <a:extLst>
              <a:ext uri="{FF2B5EF4-FFF2-40B4-BE49-F238E27FC236}">
                <a16:creationId xmlns:a16="http://schemas.microsoft.com/office/drawing/2014/main" id="{CFBBB2FF-A24B-4F09-BA72-DC718D4331B3}"/>
              </a:ext>
            </a:extLst>
          </p:cNvPr>
          <p:cNvSpPr>
            <a:spLocks noGrp="1"/>
          </p:cNvSpPr>
          <p:nvPr>
            <p:ph sz="quarter" idx="38"/>
          </p:nvPr>
        </p:nvSpPr>
        <p:spPr bwMode="gray">
          <a:xfrm>
            <a:off x="3921690" y="2705088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0" name="Content Placeholder 3">
            <a:extLst>
              <a:ext uri="{FF2B5EF4-FFF2-40B4-BE49-F238E27FC236}">
                <a16:creationId xmlns:a16="http://schemas.microsoft.com/office/drawing/2014/main" id="{CB993417-83D5-41F8-BAF9-2986F007C1C6}"/>
              </a:ext>
            </a:extLst>
          </p:cNvPr>
          <p:cNvSpPr>
            <a:spLocks noGrp="1"/>
          </p:cNvSpPr>
          <p:nvPr>
            <p:ph sz="quarter" idx="45"/>
          </p:nvPr>
        </p:nvSpPr>
        <p:spPr bwMode="gray">
          <a:xfrm>
            <a:off x="3921690" y="1376363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1" name="Content Placeholder 3">
            <a:extLst>
              <a:ext uri="{FF2B5EF4-FFF2-40B4-BE49-F238E27FC236}">
                <a16:creationId xmlns:a16="http://schemas.microsoft.com/office/drawing/2014/main" id="{8152D743-82D2-45BC-9D72-C38ED8D00974}"/>
              </a:ext>
            </a:extLst>
          </p:cNvPr>
          <p:cNvSpPr>
            <a:spLocks noGrp="1"/>
          </p:cNvSpPr>
          <p:nvPr>
            <p:ph sz="quarter" idx="46"/>
          </p:nvPr>
        </p:nvSpPr>
        <p:spPr bwMode="gray">
          <a:xfrm>
            <a:off x="3921690" y="4025732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2" name="Content Placeholder 3">
            <a:extLst>
              <a:ext uri="{FF2B5EF4-FFF2-40B4-BE49-F238E27FC236}">
                <a16:creationId xmlns:a16="http://schemas.microsoft.com/office/drawing/2014/main" id="{9C85D89A-0FCA-434E-8A47-ABFF684F433A}"/>
              </a:ext>
            </a:extLst>
          </p:cNvPr>
          <p:cNvSpPr>
            <a:spLocks noGrp="1"/>
          </p:cNvSpPr>
          <p:nvPr>
            <p:ph sz="quarter" idx="47"/>
          </p:nvPr>
        </p:nvSpPr>
        <p:spPr bwMode="gray">
          <a:xfrm>
            <a:off x="3921690" y="5346378"/>
            <a:ext cx="8006785" cy="100283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8" name="Content Placeholder 6">
            <a:extLst>
              <a:ext uri="{FF2B5EF4-FFF2-40B4-BE49-F238E27FC236}">
                <a16:creationId xmlns:a16="http://schemas.microsoft.com/office/drawing/2014/main" id="{287FBD57-6702-4F91-B717-C913C186C628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63526" y="2699701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39" name="Content Placeholder 6">
            <a:extLst>
              <a:ext uri="{FF2B5EF4-FFF2-40B4-BE49-F238E27FC236}">
                <a16:creationId xmlns:a16="http://schemas.microsoft.com/office/drawing/2014/main" id="{D3A403B4-1233-48D9-939E-539F1DEE6C17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263526" y="4022931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40" name="Content Placeholder 6">
            <a:extLst>
              <a:ext uri="{FF2B5EF4-FFF2-40B4-BE49-F238E27FC236}">
                <a16:creationId xmlns:a16="http://schemas.microsoft.com/office/drawing/2014/main" id="{2D403FEE-1DE0-489E-93AD-696B7F46C4D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id="{DA07BDAE-41C2-4483-8E4F-05FBB75EBBCB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263526" y="5346378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4.</a:t>
            </a: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964E16CA-A3E9-4322-B9BE-4FF2A7C5CA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id="{D8823674-FBB1-4551-AC02-90DB5D85F417}"/>
              </a:ext>
            </a:extLst>
          </p:cNvPr>
          <p:cNvSpPr>
            <a:spLocks noGrp="1"/>
          </p:cNvSpPr>
          <p:nvPr>
            <p:ph sz="quarter" idx="53"/>
          </p:nvPr>
        </p:nvSpPr>
        <p:spPr bwMode="gray">
          <a:xfrm>
            <a:off x="1770502" y="1844826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id="{022D9BBD-A252-4309-A295-ED6177147C22}"/>
              </a:ext>
            </a:extLst>
          </p:cNvPr>
          <p:cNvSpPr>
            <a:spLocks noGrp="1"/>
          </p:cNvSpPr>
          <p:nvPr>
            <p:ph sz="quarter" idx="54"/>
          </p:nvPr>
        </p:nvSpPr>
        <p:spPr bwMode="gray">
          <a:xfrm>
            <a:off x="1770502" y="3178604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id="{94C57C6C-1977-455A-A9A5-50449BAFD477}"/>
              </a:ext>
            </a:extLst>
          </p:cNvPr>
          <p:cNvSpPr>
            <a:spLocks noGrp="1"/>
          </p:cNvSpPr>
          <p:nvPr>
            <p:ph sz="quarter" idx="55"/>
          </p:nvPr>
        </p:nvSpPr>
        <p:spPr bwMode="gray">
          <a:xfrm>
            <a:off x="1770502" y="4494195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3" name="Content Placeholder 3">
            <a:extLst>
              <a:ext uri="{FF2B5EF4-FFF2-40B4-BE49-F238E27FC236}">
                <a16:creationId xmlns:a16="http://schemas.microsoft.com/office/drawing/2014/main" id="{1CC08C47-21F2-4262-A804-D297AEF30EEC}"/>
              </a:ext>
            </a:extLst>
          </p:cNvPr>
          <p:cNvSpPr>
            <a:spLocks noGrp="1"/>
          </p:cNvSpPr>
          <p:nvPr>
            <p:ph sz="quarter" idx="56"/>
          </p:nvPr>
        </p:nvSpPr>
        <p:spPr bwMode="gray">
          <a:xfrm>
            <a:off x="1770502" y="5814841"/>
            <a:ext cx="1878630" cy="5343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782CADA-9D05-4BC9-9B22-DBA7C65BDEA5}"/>
              </a:ext>
            </a:extLst>
          </p:cNvPr>
          <p:cNvSpPr>
            <a:spLocks noGrp="1"/>
          </p:cNvSpPr>
          <p:nvPr>
            <p:ph type="sldNum" sz="quarter" idx="5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Footer Placeholder 5">
            <a:extLst>
              <a:ext uri="{FF2B5EF4-FFF2-40B4-BE49-F238E27FC236}">
                <a16:creationId xmlns:a16="http://schemas.microsoft.com/office/drawing/2014/main" id="{292C7BF6-221B-4AEA-95B3-C1AA8E5D9EC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4291181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3) &amp; Numbers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334276D4-69E8-479D-9F34-5E846D41D7C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4" y="3416161"/>
            <a:ext cx="352821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78A5E39-BD74-4E47-BCC6-1789A4ECF3F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4325749" y="3416161"/>
            <a:ext cx="352803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25E45DFB-3F74-413C-840C-C77358A01D7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381696" y="3416161"/>
            <a:ext cx="354677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12C3E05B-F4DE-48A5-96D0-3C4010D5B8F8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325750" y="3787380"/>
            <a:ext cx="3528034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32C4B7D-BBBD-47FD-B2B2-17406547E1D4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381697" y="3787380"/>
            <a:ext cx="3546779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991CCDC2-331B-485D-A908-198D803BF9B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4" y="3787380"/>
            <a:ext cx="3528219" cy="96573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7" name="Content Placeholder 6">
            <a:extLst>
              <a:ext uri="{FF2B5EF4-FFF2-40B4-BE49-F238E27FC236}">
                <a16:creationId xmlns:a16="http://schemas.microsoft.com/office/drawing/2014/main" id="{FF461397-9E3E-4AF0-993E-CDCD014A8749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28" name="Content Placeholder 6">
            <a:extLst>
              <a:ext uri="{FF2B5EF4-FFF2-40B4-BE49-F238E27FC236}">
                <a16:creationId xmlns:a16="http://schemas.microsoft.com/office/drawing/2014/main" id="{A6A7DFB3-349A-4DAD-B217-CF4EC389CA56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4325561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29" name="Content Placeholder 6">
            <a:extLst>
              <a:ext uri="{FF2B5EF4-FFF2-40B4-BE49-F238E27FC236}">
                <a16:creationId xmlns:a16="http://schemas.microsoft.com/office/drawing/2014/main" id="{8F31884C-A4A7-4688-ACCF-FD03ED05AA24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8381692" y="2341885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5A74342C-ADC8-4817-82CE-5162113198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88E4E73-ADEC-442F-A098-73C03F88ADA3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64B80D57-30E3-4F80-83B9-AA30A5759E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8323526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 &amp; Numbers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B36A58-C548-4E9E-85C3-DEB5102C513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87157" y="4985012"/>
            <a:ext cx="1868031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A8E13FBB-E82B-48DF-885F-E6FC647B2E9F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BEE4DB48-EE10-4614-9031-A00AE1B5E196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70499" y="3240301"/>
            <a:ext cx="1878631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id="{65119589-6F57-4A69-9736-D33271CF00E2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1770502" y="1844826"/>
            <a:ext cx="1878630" cy="100810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id="{628A1FB3-6503-43D5-9169-34BFEED09C8F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1770502" y="3600531"/>
            <a:ext cx="1878630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1C5AA962-6BDD-4F47-9221-9D1520C30F36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1770502" y="5362908"/>
            <a:ext cx="1878630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 marL="0" indent="0">
              <a:lnSpc>
                <a:spcPct val="100000"/>
              </a:lnSpc>
              <a:spcBef>
                <a:spcPts val="600"/>
              </a:spcBef>
              <a:buNone/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48" name="Content Placeholder 3">
            <a:extLst>
              <a:ext uri="{FF2B5EF4-FFF2-40B4-BE49-F238E27FC236}">
                <a16:creationId xmlns:a16="http://schemas.microsoft.com/office/drawing/2014/main" id="{2F992E05-4AC2-4005-9AA5-948676B96ADD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921690" y="1376172"/>
            <a:ext cx="8006785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9" name="Content Placeholder 3">
            <a:extLst>
              <a:ext uri="{FF2B5EF4-FFF2-40B4-BE49-F238E27FC236}">
                <a16:creationId xmlns:a16="http://schemas.microsoft.com/office/drawing/2014/main" id="{C7D8B73D-DFFB-4564-9913-1F4A91652E6B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921690" y="3125397"/>
            <a:ext cx="8006785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0" name="Content Placeholder 3">
            <a:extLst>
              <a:ext uri="{FF2B5EF4-FFF2-40B4-BE49-F238E27FC236}">
                <a16:creationId xmlns:a16="http://schemas.microsoft.com/office/drawing/2014/main" id="{26FC5483-9CF4-4306-8EF5-D9A805A0E36F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921690" y="4887774"/>
            <a:ext cx="8006785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8" name="Content Placeholder 6">
            <a:extLst>
              <a:ext uri="{FF2B5EF4-FFF2-40B4-BE49-F238E27FC236}">
                <a16:creationId xmlns:a16="http://schemas.microsoft.com/office/drawing/2014/main" id="{DCC4896F-69DF-4D11-A491-DA33D9164972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40" name="Content Placeholder 6">
            <a:extLst>
              <a:ext uri="{FF2B5EF4-FFF2-40B4-BE49-F238E27FC236}">
                <a16:creationId xmlns:a16="http://schemas.microsoft.com/office/drawing/2014/main" id="{5A29EB00-5838-45B7-BA3A-198B03500529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3132069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41" name="Content Placeholder 6">
            <a:extLst>
              <a:ext uri="{FF2B5EF4-FFF2-40B4-BE49-F238E27FC236}">
                <a16:creationId xmlns:a16="http://schemas.microsoft.com/office/drawing/2014/main" id="{FC50032A-194E-4086-A0FB-0D581FA9C5E7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88777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69A314F6-1FEB-4F11-806C-E3D4AD539CE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DD01C81-AE32-45FA-9F8D-CDB078C53866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9" name="Footer Placeholder 5">
            <a:extLst>
              <a:ext uri="{FF2B5EF4-FFF2-40B4-BE49-F238E27FC236}">
                <a16:creationId xmlns:a16="http://schemas.microsoft.com/office/drawing/2014/main" id="{08C0EE21-95E5-4DA2-9376-52CC55C518E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0307552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3) &amp; Numbers (3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" name="Text Placeholder 11">
            <a:extLst>
              <a:ext uri="{FF2B5EF4-FFF2-40B4-BE49-F238E27FC236}">
                <a16:creationId xmlns:a16="http://schemas.microsoft.com/office/drawing/2014/main" id="{3A565005-F6E5-4BD3-9F5B-6AF58E8DE816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1770501" y="1473599"/>
            <a:ext cx="1878632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111" name="Text Placeholder 11">
            <a:extLst>
              <a:ext uri="{FF2B5EF4-FFF2-40B4-BE49-F238E27FC236}">
                <a16:creationId xmlns:a16="http://schemas.microsoft.com/office/drawing/2014/main" id="{E6444A91-ACC7-4CF8-9946-617E2C1A7C33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1777130" y="2972161"/>
            <a:ext cx="1872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114" name="Text Placeholder 11">
            <a:extLst>
              <a:ext uri="{FF2B5EF4-FFF2-40B4-BE49-F238E27FC236}">
                <a16:creationId xmlns:a16="http://schemas.microsoft.com/office/drawing/2014/main" id="{F9466146-4718-4169-BEFC-27BB664EE8E7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1775520" y="4400322"/>
            <a:ext cx="18720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</a:t>
            </a:r>
          </a:p>
        </p:txBody>
      </p:sp>
      <p:sp>
        <p:nvSpPr>
          <p:cNvPr id="117" name="Content Placeholder 3">
            <a:extLst>
              <a:ext uri="{FF2B5EF4-FFF2-40B4-BE49-F238E27FC236}">
                <a16:creationId xmlns:a16="http://schemas.microsoft.com/office/drawing/2014/main" id="{D0BB9BD1-AFA8-4777-BD7E-03C05346F0B8}"/>
              </a:ext>
            </a:extLst>
          </p:cNvPr>
          <p:cNvSpPr>
            <a:spLocks noGrp="1"/>
          </p:cNvSpPr>
          <p:nvPr>
            <p:ph sz="quarter" idx="38"/>
          </p:nvPr>
        </p:nvSpPr>
        <p:spPr bwMode="gray">
          <a:xfrm>
            <a:off x="3921690" y="1376363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8" name="Content Placeholder 3">
            <a:extLst>
              <a:ext uri="{FF2B5EF4-FFF2-40B4-BE49-F238E27FC236}">
                <a16:creationId xmlns:a16="http://schemas.microsoft.com/office/drawing/2014/main" id="{2F46FA40-89ED-483D-B576-C0B7126B3D16}"/>
              </a:ext>
            </a:extLst>
          </p:cNvPr>
          <p:cNvSpPr>
            <a:spLocks noGrp="1"/>
          </p:cNvSpPr>
          <p:nvPr>
            <p:ph sz="quarter" idx="39"/>
          </p:nvPr>
        </p:nvSpPr>
        <p:spPr bwMode="gray">
          <a:xfrm>
            <a:off x="3921690" y="2863928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9" name="Content Placeholder 3">
            <a:extLst>
              <a:ext uri="{FF2B5EF4-FFF2-40B4-BE49-F238E27FC236}">
                <a16:creationId xmlns:a16="http://schemas.microsoft.com/office/drawing/2014/main" id="{D940D62B-2E1F-4339-B9F3-000831E52417}"/>
              </a:ext>
            </a:extLst>
          </p:cNvPr>
          <p:cNvSpPr>
            <a:spLocks noGrp="1"/>
          </p:cNvSpPr>
          <p:nvPr>
            <p:ph sz="quarter" idx="40"/>
          </p:nvPr>
        </p:nvSpPr>
        <p:spPr bwMode="gray">
          <a:xfrm>
            <a:off x="3921690" y="4303084"/>
            <a:ext cx="8006785" cy="1294301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3" name="Content Placeholder 6">
            <a:extLst>
              <a:ext uri="{FF2B5EF4-FFF2-40B4-BE49-F238E27FC236}">
                <a16:creationId xmlns:a16="http://schemas.microsoft.com/office/drawing/2014/main" id="{00B1F805-6796-4988-BDAC-995B3E05D34F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263526" y="1376363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1.</a:t>
            </a:r>
          </a:p>
        </p:txBody>
      </p:sp>
      <p:sp>
        <p:nvSpPr>
          <p:cNvPr id="24" name="Content Placeholder 6">
            <a:extLst>
              <a:ext uri="{FF2B5EF4-FFF2-40B4-BE49-F238E27FC236}">
                <a16:creationId xmlns:a16="http://schemas.microsoft.com/office/drawing/2014/main" id="{8D88CFA7-09AB-4767-BF53-0124083462A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276908" y="2863928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2.</a:t>
            </a:r>
          </a:p>
        </p:txBody>
      </p:sp>
      <p:sp>
        <p:nvSpPr>
          <p:cNvPr id="25" name="Content Placeholder 6">
            <a:extLst>
              <a:ext uri="{FF2B5EF4-FFF2-40B4-BE49-F238E27FC236}">
                <a16:creationId xmlns:a16="http://schemas.microsoft.com/office/drawing/2014/main" id="{019348E2-113B-47F8-A86B-A5A55F501F79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6908" y="4303084"/>
            <a:ext cx="1512000" cy="943200"/>
          </a:xfrm>
          <a:prstGeom prst="rect">
            <a:avLst/>
          </a:prstGeom>
          <a:noFill/>
        </p:spPr>
        <p:txBody>
          <a:bodyPr tIns="0" anchor="t" anchorCtr="0"/>
          <a:lstStyle>
            <a:lvl1pPr algn="l">
              <a:spcBef>
                <a:spcPts val="0"/>
              </a:spcBef>
              <a:defRPr sz="6600" b="1">
                <a:solidFill>
                  <a:schemeClr val="tx2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03.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DD44EDD3-36EC-41BB-85BC-E402BF43896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FBC9DADF-2DD6-49C8-B226-2EAE5C8E7E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77463CE8-CEC7-491B-AEE7-C626E86D052E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1770502" y="1844826"/>
            <a:ext cx="1878630" cy="82583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5E70668A-DC62-457E-BA02-26C28D66D89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1770502" y="3341643"/>
            <a:ext cx="1878630" cy="81484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id="{203BC8E2-0A65-4017-BFCD-76D59EB45FE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1770502" y="4767561"/>
            <a:ext cx="1878630" cy="827341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 marL="0" indent="0">
              <a:lnSpc>
                <a:spcPct val="100000"/>
              </a:lnSpc>
              <a:spcBef>
                <a:spcPts val="600"/>
              </a:spcBef>
              <a:buNone/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9247B1C-3F50-4842-AD5D-BE65E80CE057}"/>
              </a:ext>
            </a:extLst>
          </p:cNvPr>
          <p:cNvSpPr>
            <a:spLocks noGrp="1"/>
          </p:cNvSpPr>
          <p:nvPr>
            <p:ph type="sldNum" sz="quarter" idx="4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8" name="Footer Placeholder 5">
            <a:extLst>
              <a:ext uri="{FF2B5EF4-FFF2-40B4-BE49-F238E27FC236}">
                <a16:creationId xmlns:a16="http://schemas.microsoft.com/office/drawing/2014/main" id="{40FB3AED-BDA7-4E93-8A93-6EEE073DCC4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33581877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3">
            <a:extLst>
              <a:ext uri="{FF2B5EF4-FFF2-40B4-BE49-F238E27FC236}">
                <a16:creationId xmlns:a16="http://schemas.microsoft.com/office/drawing/2014/main" id="{33F13BF9-1311-4811-A51C-9FFEF446C948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10313" y="1473607"/>
            <a:ext cx="5616575" cy="4871631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D81C83C8-EE7C-474B-8A4C-FA0B57CF46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90F2AEDF-5408-4280-B382-645AF1003C8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A6786BF-4824-46D8-9C74-2D683B3E95D5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id="{F3E48152-933D-4A00-A1DF-6A7A641AFAF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09332980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) &amp; Box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3">
            <a:extLst>
              <a:ext uri="{FF2B5EF4-FFF2-40B4-BE49-F238E27FC236}">
                <a16:creationId xmlns:a16="http://schemas.microsoft.com/office/drawing/2014/main" id="{545FE617-D52B-476E-948B-310DEA38FD3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10313" y="1473607"/>
            <a:ext cx="5616575" cy="418762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08FD9A92-F0CB-4C7E-924C-849F9F88C97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18FC10F9-7B1A-4EE2-839B-96181B8B1B71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472A5454-E304-485F-BED3-72DE598380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B7C40710-3A2B-42E1-9BDA-515066820A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58E25D4-9655-4B36-AFCF-82E43E68ADAE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FBBF5839-79CC-48EC-9AA6-0BA31D953B6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208151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) &amp; Box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3">
            <a:extLst>
              <a:ext uri="{FF2B5EF4-FFF2-40B4-BE49-F238E27FC236}">
                <a16:creationId xmlns:a16="http://schemas.microsoft.com/office/drawing/2014/main" id="{545FE617-D52B-476E-948B-310DEA38FD3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10313" y="1473607"/>
            <a:ext cx="5616575" cy="4187622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08FD9A92-F0CB-4C7E-924C-849F9F88C97A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18FC10F9-7B1A-4EE2-839B-96181B8B1B71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56155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472A5454-E304-485F-BED3-72DE598380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B7C40710-3A2B-42E1-9BDA-515066820A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58E25D4-9655-4B36-AFCF-82E43E68ADAE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D7C57E55-D7E2-4BBD-B102-BA3CF40CF5C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7805360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Darker Picture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" name="Rectangle 40">
            <a:extLst>
              <a:ext uri="{FF2B5EF4-FFF2-40B4-BE49-F238E27FC236}">
                <a16:creationId xmlns:a16="http://schemas.microsoft.com/office/drawing/2014/main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 dirty="0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 dirty="0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 hidden="1">
            <a:extLst>
              <a:ext uri="{FF2B5EF4-FFF2-40B4-BE49-F238E27FC236}">
                <a16:creationId xmlns:a16="http://schemas.microsoft.com/office/drawing/2014/main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>
            <a:extLst>
              <a:ext uri="{FF2B5EF4-FFF2-40B4-BE49-F238E27FC236}">
                <a16:creationId xmlns:a16="http://schemas.microsoft.com/office/drawing/2014/main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C1CABBB2-CA9C-41F3-A28D-6CEDF3BDE24A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sp>
        <p:nvSpPr>
          <p:cNvPr id="34" name="Footer Placeholder 4">
            <a:extLst>
              <a:ext uri="{FF2B5EF4-FFF2-40B4-BE49-F238E27FC236}">
                <a16:creationId xmlns:a16="http://schemas.microsoft.com/office/drawing/2014/main" id="{0486618B-68FB-45E3-A35A-DDD33A48B6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5" name="Slide Number Placeholder 5">
            <a:extLst>
              <a:ext uri="{FF2B5EF4-FFF2-40B4-BE49-F238E27FC236}">
                <a16:creationId xmlns:a16="http://schemas.microsoft.com/office/drawing/2014/main" id="{DC8ACF76-1594-442B-8415-8F2C0043D3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C24EC536-6FE3-4540-8D85-74C58F0BF697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6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21B88A0-A403-4AB9-884E-E1F08D8A6559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7" name="Title 1" descr="{&#10; &quot;SkabelonDesign&quot;: {&#10; &quot;textualValue&quot;: &quot;&lt;key1/&gt;&quot;,&#10; &quot;bindingCollection&quot;: {&#10; &quot;key1&quot;: {&quot;SkabelonDesign&quot;:{&quot;type&quot;:&quot;Text&quot;,&quot;binding&quot;:&quot;Title&quot;}}&#10; }&#10; }&#10;}">
            <a:extLst>
              <a:ext uri="{FF2B5EF4-FFF2-40B4-BE49-F238E27FC236}">
                <a16:creationId xmlns:a16="http://schemas.microsoft.com/office/drawing/2014/main" id="{85A083AA-2179-4949-BA44-96F5E7F17DD0}"/>
              </a:ext>
            </a:extLst>
          </p:cNvPr>
          <p:cNvSpPr txBox="1">
            <a:spLocks/>
          </p:cNvSpPr>
          <p:nvPr userDrawn="1"/>
        </p:nvSpPr>
        <p:spPr>
          <a:xfrm>
            <a:off x="1368000" y="5090400"/>
            <a:ext cx="10555200" cy="4932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38" name="Subtitle 2" descr="{&#10; &quot;SkabelonDesign&quot;: {&#10; &quot;textualValue&quot;: &quot;&lt;key1/&gt;&quot;,&#10; &quot;bindingCollection&quot;: {&#10; &quot;key1&quot;: {&quot;SkabelonDesign&quot;:{&quot;type&quot;:&quot;Text&quot;,&quot;binding&quot;:&quot;SupplementaryTitle&quot;}}&#10; }&#10; }&#10;}">
            <a:extLst>
              <a:ext uri="{FF2B5EF4-FFF2-40B4-BE49-F238E27FC236}">
                <a16:creationId xmlns:a16="http://schemas.microsoft.com/office/drawing/2014/main" id="{9D64BD7E-9341-47BB-BA00-E31F74C1F95B}"/>
              </a:ext>
            </a:extLst>
          </p:cNvPr>
          <p:cNvSpPr txBox="1">
            <a:spLocks/>
          </p:cNvSpPr>
          <p:nvPr userDrawn="1"/>
        </p:nvSpPr>
        <p:spPr>
          <a:xfrm>
            <a:off x="1378800" y="5583600"/>
            <a:ext cx="10555200" cy="3276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39" name="Subtitle 2" descr="{&#10; &quot;SkabelonDesign&quot;: {&#10; &quot;textualValue&quot;: &quot;&lt;key1/&gt;&quot;,&#10; &quot;bindingCollection&quot;: {&#10; &quot;key1&quot;: {&quot;SkabelonDesign&quot;:{&quot;type&quot;:&quot;Text&quot;,&quot;binding&quot;:&quot;AdditionalInformation&quot;}}&#10; }&#10; }&#10;}">
            <a:extLst>
              <a:ext uri="{FF2B5EF4-FFF2-40B4-BE49-F238E27FC236}">
                <a16:creationId xmlns:a16="http://schemas.microsoft.com/office/drawing/2014/main" id="{0EC2E723-61CE-4C8C-BECE-AF3403B1D12D}"/>
              </a:ext>
            </a:extLst>
          </p:cNvPr>
          <p:cNvSpPr txBox="1">
            <a:spLocks/>
          </p:cNvSpPr>
          <p:nvPr userDrawn="1"/>
        </p:nvSpPr>
        <p:spPr>
          <a:xfrm>
            <a:off x="1378800" y="5972400"/>
            <a:ext cx="10555200" cy="306000"/>
          </a:xfrm>
          <a:prstGeom prst="rect">
            <a:avLst/>
          </a:prstGeom>
          <a:noFill/>
        </p:spPr>
        <p:txBody>
          <a:bodyPr vert="horz" lIns="0" tIns="0" rIns="0" bIns="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Arial Nova Light" panose="020B0304020202020204" pitchFamily="34" charset="0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tx1"/>
              </a:solidFill>
            </a:endParaRPr>
          </a:p>
        </p:txBody>
      </p:sp>
      <p:sp>
        <p:nvSpPr>
          <p:cNvPr id="40" name="text" descr="{&#10; &quot;SkabelonDesign&quot;: {&#10; &quot;textualValue&quot;: &quot;&lt;key1/&gt;&quot;,&#10; &quot;bindingCollection&quot;: {&#10; &quot;key1&quot;: {&quot;SkabelonDesign&quot;:{&quot;type&quot;:&quot;Text&quot;,&quot;binding&quot;:&quot;PreparedDate&quot;}}&#10; }&#10; }&#10;}">
            <a:extLst>
              <a:ext uri="{FF2B5EF4-FFF2-40B4-BE49-F238E27FC236}">
                <a16:creationId xmlns:a16="http://schemas.microsoft.com/office/drawing/2014/main" id="{CDF51FEF-E9E1-4C32-AB05-F101B7031708}"/>
              </a:ext>
            </a:extLst>
          </p:cNvPr>
          <p:cNvSpPr txBox="1"/>
          <p:nvPr userDrawn="1"/>
        </p:nvSpPr>
        <p:spPr bwMode="gray">
          <a:xfrm>
            <a:off x="1378800" y="6547975"/>
            <a:ext cx="2889921" cy="15494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sz="930">
                <a:solidFill>
                  <a:schemeClr val="tx1"/>
                </a:solidFill>
              </a:rPr>
              <a:t>2023-11-02</a:t>
            </a:r>
            <a:endParaRPr lang="en-GB" sz="93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35903564"/>
      </p:ext>
    </p:extLst>
  </p:cSld>
  <p:clrMapOvr>
    <a:masterClrMapping/>
  </p:clrMapOvr>
  <p:hf hdr="0" dt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(Red)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D81C83C8-EE7C-474B-8A4C-FA0B57CF46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92644"/>
            <a:ext cx="4002052" cy="4952594"/>
          </a:xfrm>
          <a:solidFill>
            <a:schemeClr val="tx2"/>
          </a:solidFill>
        </p:spPr>
        <p:txBody>
          <a:bodyPr lIns="324000" tIns="252000" rIns="324000" bIns="4680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20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90F2AEDF-5408-4280-B382-645AF1003C8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4543425" y="1376363"/>
            <a:ext cx="7383464" cy="496887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D1B31ED-E7F7-4220-8A41-FD0D2DB42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2503652-AA62-40BC-80C2-0508E1AED233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CBBCBF88-F16E-459A-B04C-3A7A90CDCA3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8372281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.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365625" y="1473607"/>
            <a:ext cx="7561263" cy="4871631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12445A48-DFDC-4E09-8D6E-8099DA8B659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FCC96F22-1D0B-46E5-954A-AA05B097B747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450041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57C3C68D-E277-49A8-834F-0D34C53437E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1A91A90-C358-4182-8941-2785F1D86746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id="{9AE11B54-747B-49F6-9A28-91DD633733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4361923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.2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0AEFB7B0-854C-45D4-A22F-879EC656594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365625" y="1473607"/>
            <a:ext cx="7561263" cy="4187634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78A8AAB4-C8C7-488C-83C0-22CAE59FCCF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2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endParaRPr lang="en-US" dirty="0"/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FA58BBDD-2EE1-4C1F-AB47-C6391021C84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381641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0D4FF23E-C363-4D06-8128-2E419B877AA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0BDFCA8A-B0DF-438D-A645-00DAEE4E93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0A2D7C0-4E8E-4932-B53F-A0D5A3EC8F09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0B95AA5A-D284-4865-8A5F-EC6ED88E9B9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66970951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(2.3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0AEFB7B0-854C-45D4-A22F-879EC656594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365625" y="1473607"/>
            <a:ext cx="7561263" cy="4187634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78A8AAB4-C8C7-488C-83C0-22CAE59FCCF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473607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2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endParaRPr lang="en-US" dirty="0"/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FA58BBDD-2EE1-4C1F-AB47-C6391021C84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844826"/>
            <a:ext cx="3671175" cy="381641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0D4FF23E-C363-4D06-8128-2E419B877AA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0BDFCA8A-B0DF-438D-A645-00DAEE4E93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0A2D7C0-4E8E-4932-B53F-A0D5A3EC8F09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D0AFF44E-DC9C-473B-A33F-12A2B194166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8221428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7E0ABA0E-3031-4D04-A99C-3A2FFCD49CA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 bwMode="gray">
          <a:xfrm>
            <a:off x="263524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72865FF8-1BCA-4EA6-A89C-0D5083BCA73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6387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F1C5E35E-D10A-42B4-960D-58E5BEC9E73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49249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4" name="Content Placeholder 3">
            <a:extLst>
              <a:ext uri="{FF2B5EF4-FFF2-40B4-BE49-F238E27FC236}">
                <a16:creationId xmlns:a16="http://schemas.microsoft.com/office/drawing/2014/main" id="{63E7E550-48D1-4848-89AD-7BC59C0A08AD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9573"/>
            <a:ext cx="3672235" cy="459405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7" name="Content Placeholder 3">
            <a:extLst>
              <a:ext uri="{FF2B5EF4-FFF2-40B4-BE49-F238E27FC236}">
                <a16:creationId xmlns:a16="http://schemas.microsoft.com/office/drawing/2014/main" id="{8901D278-1232-4D46-9CDD-5343894C20FC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256388" y="1749573"/>
            <a:ext cx="3672235" cy="459405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8" name="Content Placeholder 3">
            <a:extLst>
              <a:ext uri="{FF2B5EF4-FFF2-40B4-BE49-F238E27FC236}">
                <a16:creationId xmlns:a16="http://schemas.microsoft.com/office/drawing/2014/main" id="{1F4A5F9D-DCF9-4BB5-9762-2EF3B04961F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249250" y="1749573"/>
            <a:ext cx="3672235" cy="4594055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5F447530-1BB2-420E-A7A1-85F58824AC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033FE0A-B3C7-4406-8A94-867E59BB39D1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id="{3C05A8AC-8002-4539-BE26-137B3B46B73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5292065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CDA80729-DBFE-418B-9D52-CF6041D6EDC0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 bwMode="gray">
          <a:xfrm>
            <a:off x="263524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7E98820-E129-4E41-8580-1A0D210E0A2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6387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FCF04A61-9D23-473E-B05F-E1C2B3AB85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49249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id="{2FF70659-3D12-4399-BD53-03E120732342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256388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D980C96F-688C-4820-9207-E738CE6AFDCD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249250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054D3D82-4D02-426D-A4D3-ED7B4DB18F00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FD79CCB4-AEE2-44DB-95E4-B439552C0F88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A777474D-3C2D-44B6-91A4-4BD1D8ED9D1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90DD389-2C10-48FE-9B91-0861F562D79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id="{BF366892-1082-4262-9EC7-6AC90D26F27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27244186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CDA80729-DBFE-418B-9D52-CF6041D6EDC0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 bwMode="gray">
          <a:xfrm>
            <a:off x="263524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7E98820-E129-4E41-8580-1A0D210E0A2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6387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FCF04A61-9D23-473E-B05F-E1C2B3AB85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49249" y="1378355"/>
            <a:ext cx="367223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id="{2FF70659-3D12-4399-BD53-03E120732342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4256388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5" name="Content Placeholder 3">
            <a:extLst>
              <a:ext uri="{FF2B5EF4-FFF2-40B4-BE49-F238E27FC236}">
                <a16:creationId xmlns:a16="http://schemas.microsoft.com/office/drawing/2014/main" id="{D980C96F-688C-4820-9207-E738CE6AFDCD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8249250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">
            <a:extLst>
              <a:ext uri="{FF2B5EF4-FFF2-40B4-BE49-F238E27FC236}">
                <a16:creationId xmlns:a16="http://schemas.microsoft.com/office/drawing/2014/main" id="{054D3D82-4D02-426D-A4D3-ED7B4DB18F00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9574"/>
            <a:ext cx="3672235" cy="391167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FD79CCB4-AEE2-44DB-95E4-B439552C0F88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A777474D-3C2D-44B6-91A4-4BD1D8ED9D1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404926C-6EEB-421D-89B9-50DAB4B9E99E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id="{81147F52-CFA2-45CD-9299-1374B6B4D37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79411245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15F9CBB-E821-4E2F-A816-2A6B3BD027DC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3525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54879FBB-2471-4EEA-96E3-1852E452248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256389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C8A19E55-5FD1-41A7-9330-CBE422A2F98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249252" y="1125538"/>
            <a:ext cx="3672234" cy="4607718"/>
          </a:xfrm>
          <a:noFill/>
        </p:spPr>
        <p:txBody>
          <a:bodyPr tIns="684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5" name="Text Placeholder 11">
            <a:extLst>
              <a:ext uri="{FF2B5EF4-FFF2-40B4-BE49-F238E27FC236}">
                <a16:creationId xmlns:a16="http://schemas.microsoft.com/office/drawing/2014/main" id="{6207F6BF-44C7-488D-ADCD-98805D32C39F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 bwMode="gray">
          <a:xfrm>
            <a:off x="267018" y="5732462"/>
            <a:ext cx="3672235" cy="612776"/>
          </a:xfrm>
          <a:solidFill>
            <a:schemeClr val="tx2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6" name="Text Placeholder 11">
            <a:extLst>
              <a:ext uri="{FF2B5EF4-FFF2-40B4-BE49-F238E27FC236}">
                <a16:creationId xmlns:a16="http://schemas.microsoft.com/office/drawing/2014/main" id="{DC9F35B5-C9B8-4D17-8513-69D23F7BF18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9881" y="5732462"/>
            <a:ext cx="3672235" cy="612776"/>
          </a:xfrm>
          <a:solidFill>
            <a:srgbClr val="4D4D4D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0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7" name="Text Placeholder 11">
            <a:extLst>
              <a:ext uri="{FF2B5EF4-FFF2-40B4-BE49-F238E27FC236}">
                <a16:creationId xmlns:a16="http://schemas.microsoft.com/office/drawing/2014/main" id="{D2E389A2-EF80-4B19-AFA8-B0AA653E44C8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8252743" y="5732462"/>
            <a:ext cx="3672235" cy="612776"/>
          </a:xfrm>
          <a:solidFill>
            <a:srgbClr val="B3B3B3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939DA7FE-EFD8-44FB-A789-66635C85AA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7A14699-807F-4544-96BD-6B248DD7A8E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id="{366547F9-DA08-4834-9872-F164D0491EA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01191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15F9CBB-E821-4E2F-A816-2A6B3BD027DC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3525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54879FBB-2471-4EEA-96E3-1852E452248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256389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C8A19E55-5FD1-41A7-9330-CBE422A2F98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249252" y="3861048"/>
            <a:ext cx="3672234" cy="1932336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1" name="Picture Placeholder 3">
            <a:extLst>
              <a:ext uri="{FF2B5EF4-FFF2-40B4-BE49-F238E27FC236}">
                <a16:creationId xmlns:a16="http://schemas.microsoft.com/office/drawing/2014/main" id="{F40D1890-8040-4006-A3B9-446A3E6E0CFB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263525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2" name="Picture Placeholder 3">
            <a:extLst>
              <a:ext uri="{FF2B5EF4-FFF2-40B4-BE49-F238E27FC236}">
                <a16:creationId xmlns:a16="http://schemas.microsoft.com/office/drawing/2014/main" id="{47177829-69B6-4B8D-AA32-306D7D789445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>
          <a:xfrm>
            <a:off x="4256389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3" name="Picture Placeholder 3">
            <a:extLst>
              <a:ext uri="{FF2B5EF4-FFF2-40B4-BE49-F238E27FC236}">
                <a16:creationId xmlns:a16="http://schemas.microsoft.com/office/drawing/2014/main" id="{D9296858-018B-48AE-96A4-CE6634F857C5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8249252" y="1125539"/>
            <a:ext cx="3672234" cy="1943421"/>
          </a:xfrm>
          <a:noFill/>
        </p:spPr>
        <p:txBody>
          <a:bodyPr tIns="432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14FDA7B6-0CB9-4801-8BCD-C533322EEF8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 bwMode="gray">
          <a:xfrm>
            <a:off x="267018" y="3050710"/>
            <a:ext cx="3672235" cy="554326"/>
          </a:xfrm>
          <a:solidFill>
            <a:schemeClr val="tx2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01E9159C-B757-487C-ACBC-90F7041B08B6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4259881" y="3050710"/>
            <a:ext cx="3672235" cy="554326"/>
          </a:xfrm>
          <a:solidFill>
            <a:srgbClr val="4D4D4D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689B320E-7199-4B9B-BBB6-BECC119A6105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 bwMode="gray">
          <a:xfrm>
            <a:off x="8252743" y="3050710"/>
            <a:ext cx="3672235" cy="554326"/>
          </a:xfrm>
          <a:solidFill>
            <a:srgbClr val="B3B3B3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7" name="Text Placeholder 11">
            <a:extLst>
              <a:ext uri="{FF2B5EF4-FFF2-40B4-BE49-F238E27FC236}">
                <a16:creationId xmlns:a16="http://schemas.microsoft.com/office/drawing/2014/main" id="{4C194628-5843-4993-8645-21D277A5F84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67018" y="5790912"/>
            <a:ext cx="3672235" cy="554326"/>
          </a:xfrm>
          <a:solidFill>
            <a:schemeClr val="tx2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8" name="Text Placeholder 11">
            <a:extLst>
              <a:ext uri="{FF2B5EF4-FFF2-40B4-BE49-F238E27FC236}">
                <a16:creationId xmlns:a16="http://schemas.microsoft.com/office/drawing/2014/main" id="{01EBD6AF-BB8D-4CD7-89EF-691423556D15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4259881" y="5790912"/>
            <a:ext cx="3672235" cy="554326"/>
          </a:xfrm>
          <a:solidFill>
            <a:srgbClr val="4D4D4D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9" name="Text Placeholder 11">
            <a:extLst>
              <a:ext uri="{FF2B5EF4-FFF2-40B4-BE49-F238E27FC236}">
                <a16:creationId xmlns:a16="http://schemas.microsoft.com/office/drawing/2014/main" id="{DBDC85D8-AC49-4BE9-9A89-F6EADB551C65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8252743" y="5790912"/>
            <a:ext cx="3672235" cy="554326"/>
          </a:xfrm>
          <a:solidFill>
            <a:srgbClr val="B3B3B3"/>
          </a:solidFill>
        </p:spPr>
        <p:txBody>
          <a:bodyPr lIns="72000" tIns="36000" rIns="72000" bIns="72000" anchor="ctr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5" name="Title 1">
            <a:extLst>
              <a:ext uri="{FF2B5EF4-FFF2-40B4-BE49-F238E27FC236}">
                <a16:creationId xmlns:a16="http://schemas.microsoft.com/office/drawing/2014/main" id="{62076778-1C0B-4DF5-BED1-40F85B3978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90EB62C-8E21-4E54-8EEF-C68F4C6B9FF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0" name="Footer Placeholder 5">
            <a:extLst>
              <a:ext uri="{FF2B5EF4-FFF2-40B4-BE49-F238E27FC236}">
                <a16:creationId xmlns:a16="http://schemas.microsoft.com/office/drawing/2014/main" id="{7E28699A-DA2D-4918-AFB2-85AA3D412F0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21497283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0CF477D-6C63-4F4F-9AE3-EEDFA6E93E4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B82CA-C741-4F61-8DD8-8CF4BB983BD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5">
            <a:extLst>
              <a:ext uri="{FF2B5EF4-FFF2-40B4-BE49-F238E27FC236}">
                <a16:creationId xmlns:a16="http://schemas.microsoft.com/office/drawing/2014/main" id="{25AA4165-D205-48C8-9745-AE16342A666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211200" y="6456794"/>
            <a:ext cx="6123600" cy="234138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6221390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Slide - Darker Picture B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" name="Rectangle 40">
            <a:extLst>
              <a:ext uri="{FF2B5EF4-FFF2-40B4-BE49-F238E27FC236}">
                <a16:creationId xmlns:a16="http://schemas.microsoft.com/office/drawing/2014/main" id="{EB87F6C0-6A0D-49A9-B92D-47AC66E82F62}"/>
              </a:ext>
            </a:extLst>
          </p:cNvPr>
          <p:cNvSpPr/>
          <p:nvPr userDrawn="1"/>
        </p:nvSpPr>
        <p:spPr>
          <a:xfrm rot="20700000">
            <a:off x="11630945" y="891479"/>
            <a:ext cx="125787" cy="6268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7B060B46-A36B-42A8-BC2B-4D51C11E5CFE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" y="4"/>
            <a:ext cx="12193196" cy="4738686"/>
          </a:xfrm>
          <a:custGeom>
            <a:avLst/>
            <a:gdLst>
              <a:gd name="connsiteX0" fmla="*/ 9943716 w 12193196"/>
              <a:gd name="connsiteY0" fmla="*/ 1018573 h 4738686"/>
              <a:gd name="connsiteX1" fmla="*/ 9943716 w 12193196"/>
              <a:gd name="connsiteY1" fmla="*/ 1018583 h 4738686"/>
              <a:gd name="connsiteX2" fmla="*/ 9972804 w 12193196"/>
              <a:gd name="connsiteY2" fmla="*/ 1068171 h 4738686"/>
              <a:gd name="connsiteX3" fmla="*/ 9944107 w 12193196"/>
              <a:gd name="connsiteY3" fmla="*/ 1122040 h 4738686"/>
              <a:gd name="connsiteX4" fmla="*/ 9914039 w 12193196"/>
              <a:gd name="connsiteY4" fmla="*/ 1079406 h 4738686"/>
              <a:gd name="connsiteX5" fmla="*/ 9914039 w 12193196"/>
              <a:gd name="connsiteY5" fmla="*/ 1067545 h 4738686"/>
              <a:gd name="connsiteX6" fmla="*/ 9943716 w 12193196"/>
              <a:gd name="connsiteY6" fmla="*/ 1018573 h 4738686"/>
              <a:gd name="connsiteX7" fmla="*/ 11408435 w 12193196"/>
              <a:gd name="connsiteY7" fmla="*/ 1012941 h 4738686"/>
              <a:gd name="connsiteX8" fmla="*/ 11434684 w 12193196"/>
              <a:gd name="connsiteY8" fmla="*/ 1041128 h 4738686"/>
              <a:gd name="connsiteX9" fmla="*/ 11379836 w 12193196"/>
              <a:gd name="connsiteY9" fmla="*/ 1041128 h 4738686"/>
              <a:gd name="connsiteX10" fmla="*/ 11408435 w 12193196"/>
              <a:gd name="connsiteY10" fmla="*/ 1012941 h 4738686"/>
              <a:gd name="connsiteX11" fmla="*/ 10350271 w 12193196"/>
              <a:gd name="connsiteY11" fmla="*/ 1012834 h 4738686"/>
              <a:gd name="connsiteX12" fmla="*/ 10376618 w 12193196"/>
              <a:gd name="connsiteY12" fmla="*/ 1041021 h 4738686"/>
              <a:gd name="connsiteX13" fmla="*/ 10321770 w 12193196"/>
              <a:gd name="connsiteY13" fmla="*/ 1041021 h 4738686"/>
              <a:gd name="connsiteX14" fmla="*/ 10350271 w 12193196"/>
              <a:gd name="connsiteY14" fmla="*/ 1012834 h 4738686"/>
              <a:gd name="connsiteX15" fmla="*/ 10912556 w 12193196"/>
              <a:gd name="connsiteY15" fmla="*/ 1012833 h 4738686"/>
              <a:gd name="connsiteX16" fmla="*/ 10938805 w 12193196"/>
              <a:gd name="connsiteY16" fmla="*/ 1041021 h 4738686"/>
              <a:gd name="connsiteX17" fmla="*/ 10883957 w 12193196"/>
              <a:gd name="connsiteY17" fmla="*/ 1041021 h 4738686"/>
              <a:gd name="connsiteX18" fmla="*/ 10912556 w 12193196"/>
              <a:gd name="connsiteY18" fmla="*/ 1012833 h 4738686"/>
              <a:gd name="connsiteX19" fmla="*/ 11605397 w 12193196"/>
              <a:gd name="connsiteY19" fmla="*/ 1000835 h 4738686"/>
              <a:gd name="connsiteX20" fmla="*/ 11568179 w 12193196"/>
              <a:gd name="connsiteY20" fmla="*/ 1043841 h 4738686"/>
              <a:gd name="connsiteX21" fmla="*/ 11535270 w 12193196"/>
              <a:gd name="connsiteY21" fmla="*/ 1000923 h 4738686"/>
              <a:gd name="connsiteX22" fmla="*/ 11476897 w 12193196"/>
              <a:gd name="connsiteY22" fmla="*/ 1000923 h 4738686"/>
              <a:gd name="connsiteX23" fmla="*/ 11476897 w 12193196"/>
              <a:gd name="connsiteY23" fmla="*/ 1011922 h 4738686"/>
              <a:gd name="connsiteX24" fmla="*/ 11479443 w 12193196"/>
              <a:gd name="connsiteY24" fmla="*/ 1012079 h 4738686"/>
              <a:gd name="connsiteX25" fmla="*/ 11516074 w 12193196"/>
              <a:gd name="connsiteY25" fmla="*/ 1033136 h 4738686"/>
              <a:gd name="connsiteX26" fmla="*/ 11539971 w 12193196"/>
              <a:gd name="connsiteY26" fmla="*/ 1064899 h 4738686"/>
              <a:gd name="connsiteX27" fmla="*/ 11500893 w 12193196"/>
              <a:gd name="connsiteY27" fmla="*/ 1110021 h 4738686"/>
              <a:gd name="connsiteX28" fmla="*/ 11541245 w 12193196"/>
              <a:gd name="connsiteY28" fmla="*/ 1110021 h 4738686"/>
              <a:gd name="connsiteX29" fmla="*/ 11558776 w 12193196"/>
              <a:gd name="connsiteY29" fmla="*/ 1089874 h 4738686"/>
              <a:gd name="connsiteX30" fmla="*/ 11596386 w 12193196"/>
              <a:gd name="connsiteY30" fmla="*/ 1139824 h 4738686"/>
              <a:gd name="connsiteX31" fmla="*/ 11641635 w 12193196"/>
              <a:gd name="connsiteY31" fmla="*/ 1139824 h 4738686"/>
              <a:gd name="connsiteX32" fmla="*/ 11569942 w 12193196"/>
              <a:gd name="connsiteY32" fmla="*/ 1046192 h 4738686"/>
              <a:gd name="connsiteX33" fmla="*/ 11606474 w 12193196"/>
              <a:gd name="connsiteY33" fmla="*/ 1046221 h 4738686"/>
              <a:gd name="connsiteX34" fmla="*/ 11645651 w 12193196"/>
              <a:gd name="connsiteY34" fmla="*/ 1000835 h 4738686"/>
              <a:gd name="connsiteX35" fmla="*/ 11409709 w 12193196"/>
              <a:gd name="connsiteY35" fmla="*/ 997750 h 4738686"/>
              <a:gd name="connsiteX36" fmla="*/ 11338211 w 12193196"/>
              <a:gd name="connsiteY36" fmla="*/ 1065684 h 4738686"/>
              <a:gd name="connsiteX37" fmla="*/ 11421168 w 12193196"/>
              <a:gd name="connsiteY37" fmla="*/ 1143008 h 4738686"/>
              <a:gd name="connsiteX38" fmla="*/ 11467788 w 12193196"/>
              <a:gd name="connsiteY38" fmla="*/ 1135231 h 4738686"/>
              <a:gd name="connsiteX39" fmla="*/ 11470041 w 12193196"/>
              <a:gd name="connsiteY39" fmla="*/ 1134527 h 4738686"/>
              <a:gd name="connsiteX40" fmla="*/ 11470041 w 12193196"/>
              <a:gd name="connsiteY40" fmla="*/ 1116084 h 4738686"/>
              <a:gd name="connsiteX41" fmla="*/ 11466417 w 12193196"/>
              <a:gd name="connsiteY41" fmla="*/ 1117376 h 4738686"/>
              <a:gd name="connsiteX42" fmla="*/ 11436545 w 12193196"/>
              <a:gd name="connsiteY42" fmla="*/ 1122088 h 4738686"/>
              <a:gd name="connsiteX43" fmla="*/ 11379738 w 12193196"/>
              <a:gd name="connsiteY43" fmla="*/ 1058034 h 4738686"/>
              <a:gd name="connsiteX44" fmla="*/ 11472979 w 12193196"/>
              <a:gd name="connsiteY44" fmla="*/ 1058034 h 4738686"/>
              <a:gd name="connsiteX45" fmla="*/ 11472979 w 12193196"/>
              <a:gd name="connsiteY45" fmla="*/ 1055330 h 4738686"/>
              <a:gd name="connsiteX46" fmla="*/ 11409709 w 12193196"/>
              <a:gd name="connsiteY46" fmla="*/ 997750 h 4738686"/>
              <a:gd name="connsiteX47" fmla="*/ 9781426 w 12193196"/>
              <a:gd name="connsiteY47" fmla="*/ 997723 h 4738686"/>
              <a:gd name="connsiteX48" fmla="*/ 9724032 w 12193196"/>
              <a:gd name="connsiteY48" fmla="*/ 1038926 h 4738686"/>
              <a:gd name="connsiteX49" fmla="*/ 9765951 w 12193196"/>
              <a:gd name="connsiteY49" fmla="*/ 1082648 h 4738686"/>
              <a:gd name="connsiteX50" fmla="*/ 9795725 w 12193196"/>
              <a:gd name="connsiteY50" fmla="*/ 1108378 h 4738686"/>
              <a:gd name="connsiteX51" fmla="*/ 9770261 w 12193196"/>
              <a:gd name="connsiteY51" fmla="*/ 1124901 h 4738686"/>
              <a:gd name="connsiteX52" fmla="*/ 9728439 w 12193196"/>
              <a:gd name="connsiteY52" fmla="*/ 1110376 h 4738686"/>
              <a:gd name="connsiteX53" fmla="*/ 9724326 w 12193196"/>
              <a:gd name="connsiteY53" fmla="*/ 1107888 h 4738686"/>
              <a:gd name="connsiteX54" fmla="*/ 9724326 w 12193196"/>
              <a:gd name="connsiteY54" fmla="*/ 1137271 h 4738686"/>
              <a:gd name="connsiteX55" fmla="*/ 9727166 w 12193196"/>
              <a:gd name="connsiteY55" fmla="*/ 1137888 h 4738686"/>
              <a:gd name="connsiteX56" fmla="*/ 9768987 w 12193196"/>
              <a:gd name="connsiteY56" fmla="*/ 1142971 h 4738686"/>
              <a:gd name="connsiteX57" fmla="*/ 9830593 w 12193196"/>
              <a:gd name="connsiteY57" fmla="*/ 1100631 h 4738686"/>
              <a:gd name="connsiteX58" fmla="*/ 9786911 w 12193196"/>
              <a:gd name="connsiteY58" fmla="*/ 1052913 h 4738686"/>
              <a:gd name="connsiteX59" fmla="*/ 9786911 w 12193196"/>
              <a:gd name="connsiteY59" fmla="*/ 1052884 h 4738686"/>
              <a:gd name="connsiteX60" fmla="*/ 9758899 w 12193196"/>
              <a:gd name="connsiteY60" fmla="*/ 1028779 h 4738686"/>
              <a:gd name="connsiteX61" fmla="*/ 9779075 w 12193196"/>
              <a:gd name="connsiteY61" fmla="*/ 1015714 h 4738686"/>
              <a:gd name="connsiteX62" fmla="*/ 9814824 w 12193196"/>
              <a:gd name="connsiteY62" fmla="*/ 1028006 h 4738686"/>
              <a:gd name="connsiteX63" fmla="*/ 9820799 w 12193196"/>
              <a:gd name="connsiteY63" fmla="*/ 1031649 h 4738686"/>
              <a:gd name="connsiteX64" fmla="*/ 9820799 w 12193196"/>
              <a:gd name="connsiteY64" fmla="*/ 1003079 h 4738686"/>
              <a:gd name="connsiteX65" fmla="*/ 9816097 w 12193196"/>
              <a:gd name="connsiteY65" fmla="*/ 1002101 h 4738686"/>
              <a:gd name="connsiteX66" fmla="*/ 9781426 w 12193196"/>
              <a:gd name="connsiteY66" fmla="*/ 997723 h 4738686"/>
              <a:gd name="connsiteX67" fmla="*/ 10913830 w 12193196"/>
              <a:gd name="connsiteY67" fmla="*/ 997682 h 4738686"/>
              <a:gd name="connsiteX68" fmla="*/ 10842430 w 12193196"/>
              <a:gd name="connsiteY68" fmla="*/ 1065566 h 4738686"/>
              <a:gd name="connsiteX69" fmla="*/ 10925289 w 12193196"/>
              <a:gd name="connsiteY69" fmla="*/ 1142940 h 4738686"/>
              <a:gd name="connsiteX70" fmla="*/ 10971909 w 12193196"/>
              <a:gd name="connsiteY70" fmla="*/ 1135104 h 4738686"/>
              <a:gd name="connsiteX71" fmla="*/ 10974162 w 12193196"/>
              <a:gd name="connsiteY71" fmla="*/ 1134399 h 4738686"/>
              <a:gd name="connsiteX72" fmla="*/ 10974162 w 12193196"/>
              <a:gd name="connsiteY72" fmla="*/ 1115976 h 4738686"/>
              <a:gd name="connsiteX73" fmla="*/ 10970538 w 12193196"/>
              <a:gd name="connsiteY73" fmla="*/ 1117289 h 4738686"/>
              <a:gd name="connsiteX74" fmla="*/ 10940666 w 12193196"/>
              <a:gd name="connsiteY74" fmla="*/ 1122000 h 4738686"/>
              <a:gd name="connsiteX75" fmla="*/ 10883957 w 12193196"/>
              <a:gd name="connsiteY75" fmla="*/ 1057926 h 4738686"/>
              <a:gd name="connsiteX76" fmla="*/ 10977100 w 12193196"/>
              <a:gd name="connsiteY76" fmla="*/ 1057926 h 4738686"/>
              <a:gd name="connsiteX77" fmla="*/ 10977100 w 12193196"/>
              <a:gd name="connsiteY77" fmla="*/ 1055242 h 4738686"/>
              <a:gd name="connsiteX78" fmla="*/ 10913830 w 12193196"/>
              <a:gd name="connsiteY78" fmla="*/ 997682 h 4738686"/>
              <a:gd name="connsiteX79" fmla="*/ 10351643 w 12193196"/>
              <a:gd name="connsiteY79" fmla="*/ 997682 h 4738686"/>
              <a:gd name="connsiteX80" fmla="*/ 10280145 w 12193196"/>
              <a:gd name="connsiteY80" fmla="*/ 1065566 h 4738686"/>
              <a:gd name="connsiteX81" fmla="*/ 10363102 w 12193196"/>
              <a:gd name="connsiteY81" fmla="*/ 1142940 h 4738686"/>
              <a:gd name="connsiteX82" fmla="*/ 10409722 w 12193196"/>
              <a:gd name="connsiteY82" fmla="*/ 1135104 h 4738686"/>
              <a:gd name="connsiteX83" fmla="*/ 10411975 w 12193196"/>
              <a:gd name="connsiteY83" fmla="*/ 1134399 h 4738686"/>
              <a:gd name="connsiteX84" fmla="*/ 10411975 w 12193196"/>
              <a:gd name="connsiteY84" fmla="*/ 1115976 h 4738686"/>
              <a:gd name="connsiteX85" fmla="*/ 10408351 w 12193196"/>
              <a:gd name="connsiteY85" fmla="*/ 1117289 h 4738686"/>
              <a:gd name="connsiteX86" fmla="*/ 10378479 w 12193196"/>
              <a:gd name="connsiteY86" fmla="*/ 1122000 h 4738686"/>
              <a:gd name="connsiteX87" fmla="*/ 10321672 w 12193196"/>
              <a:gd name="connsiteY87" fmla="*/ 1057926 h 4738686"/>
              <a:gd name="connsiteX88" fmla="*/ 10414913 w 12193196"/>
              <a:gd name="connsiteY88" fmla="*/ 1057926 h 4738686"/>
              <a:gd name="connsiteX89" fmla="*/ 10414913 w 12193196"/>
              <a:gd name="connsiteY89" fmla="*/ 1055242 h 4738686"/>
              <a:gd name="connsiteX90" fmla="*/ 10351643 w 12193196"/>
              <a:gd name="connsiteY90" fmla="*/ 997682 h 4738686"/>
              <a:gd name="connsiteX91" fmla="*/ 10104241 w 12193196"/>
              <a:gd name="connsiteY91" fmla="*/ 997212 h 4738686"/>
              <a:gd name="connsiteX92" fmla="*/ 10101107 w 12193196"/>
              <a:gd name="connsiteY92" fmla="*/ 997702 h 4738686"/>
              <a:gd name="connsiteX93" fmla="*/ 10040873 w 12193196"/>
              <a:gd name="connsiteY93" fmla="*/ 1007280 h 4738686"/>
              <a:gd name="connsiteX94" fmla="*/ 10040873 w 12193196"/>
              <a:gd name="connsiteY94" fmla="*/ 1017937 h 4738686"/>
              <a:gd name="connsiteX95" fmla="*/ 10043517 w 12193196"/>
              <a:gd name="connsiteY95" fmla="*/ 1018005 h 4738686"/>
              <a:gd name="connsiteX96" fmla="*/ 10066142 w 12193196"/>
              <a:gd name="connsiteY96" fmla="*/ 1040865 h 4738686"/>
              <a:gd name="connsiteX97" fmla="*/ 10066142 w 12193196"/>
              <a:gd name="connsiteY97" fmla="*/ 1139787 h 4738686"/>
              <a:gd name="connsiteX98" fmla="*/ 10104241 w 12193196"/>
              <a:gd name="connsiteY98" fmla="*/ 1139787 h 4738686"/>
              <a:gd name="connsiteX99" fmla="*/ 9914333 w 12193196"/>
              <a:gd name="connsiteY99" fmla="*/ 997212 h 4738686"/>
              <a:gd name="connsiteX100" fmla="*/ 9911199 w 12193196"/>
              <a:gd name="connsiteY100" fmla="*/ 997703 h 4738686"/>
              <a:gd name="connsiteX101" fmla="*/ 9850377 w 12193196"/>
              <a:gd name="connsiteY101" fmla="*/ 1007280 h 4738686"/>
              <a:gd name="connsiteX102" fmla="*/ 9850377 w 12193196"/>
              <a:gd name="connsiteY102" fmla="*/ 1017937 h 4738686"/>
              <a:gd name="connsiteX103" fmla="*/ 9853021 w 12193196"/>
              <a:gd name="connsiteY103" fmla="*/ 1018005 h 4738686"/>
              <a:gd name="connsiteX104" fmla="*/ 9875940 w 12193196"/>
              <a:gd name="connsiteY104" fmla="*/ 1040865 h 4738686"/>
              <a:gd name="connsiteX105" fmla="*/ 9875940 w 12193196"/>
              <a:gd name="connsiteY105" fmla="*/ 1198327 h 4738686"/>
              <a:gd name="connsiteX106" fmla="*/ 9914039 w 12193196"/>
              <a:gd name="connsiteY106" fmla="*/ 1198327 h 4738686"/>
              <a:gd name="connsiteX107" fmla="*/ 9914039 w 12193196"/>
              <a:gd name="connsiteY107" fmla="*/ 1126594 h 4738686"/>
              <a:gd name="connsiteX108" fmla="*/ 9953216 w 12193196"/>
              <a:gd name="connsiteY108" fmla="*/ 1142940 h 4738686"/>
              <a:gd name="connsiteX109" fmla="*/ 10014234 w 12193196"/>
              <a:gd name="connsiteY109" fmla="*/ 1068171 h 4738686"/>
              <a:gd name="connsiteX110" fmla="*/ 9954587 w 12193196"/>
              <a:gd name="connsiteY110" fmla="*/ 997654 h 4738686"/>
              <a:gd name="connsiteX111" fmla="*/ 9954587 w 12193196"/>
              <a:gd name="connsiteY111" fmla="*/ 997682 h 4738686"/>
              <a:gd name="connsiteX112" fmla="*/ 9914333 w 12193196"/>
              <a:gd name="connsiteY112" fmla="*/ 1017339 h 4738686"/>
              <a:gd name="connsiteX113" fmla="*/ 9585052 w 12193196"/>
              <a:gd name="connsiteY113" fmla="*/ 997212 h 4738686"/>
              <a:gd name="connsiteX114" fmla="*/ 9581918 w 12193196"/>
              <a:gd name="connsiteY114" fmla="*/ 997703 h 4738686"/>
              <a:gd name="connsiteX115" fmla="*/ 9520704 w 12193196"/>
              <a:gd name="connsiteY115" fmla="*/ 1007280 h 4738686"/>
              <a:gd name="connsiteX116" fmla="*/ 9520704 w 12193196"/>
              <a:gd name="connsiteY116" fmla="*/ 1017986 h 4738686"/>
              <a:gd name="connsiteX117" fmla="*/ 9523348 w 12193196"/>
              <a:gd name="connsiteY117" fmla="*/ 1017986 h 4738686"/>
              <a:gd name="connsiteX118" fmla="*/ 9546952 w 12193196"/>
              <a:gd name="connsiteY118" fmla="*/ 1040846 h 4738686"/>
              <a:gd name="connsiteX119" fmla="*/ 9546952 w 12193196"/>
              <a:gd name="connsiteY119" fmla="*/ 1139767 h 4738686"/>
              <a:gd name="connsiteX120" fmla="*/ 9585052 w 12193196"/>
              <a:gd name="connsiteY120" fmla="*/ 1139767 h 4738686"/>
              <a:gd name="connsiteX121" fmla="*/ 9585052 w 12193196"/>
              <a:gd name="connsiteY121" fmla="*/ 1066967 h 4738686"/>
              <a:gd name="connsiteX122" fmla="*/ 9622661 w 12193196"/>
              <a:gd name="connsiteY122" fmla="*/ 1022628 h 4738686"/>
              <a:gd name="connsiteX123" fmla="*/ 9641858 w 12193196"/>
              <a:gd name="connsiteY123" fmla="*/ 1062687 h 4738686"/>
              <a:gd name="connsiteX124" fmla="*/ 9641858 w 12193196"/>
              <a:gd name="connsiteY124" fmla="*/ 1139767 h 4738686"/>
              <a:gd name="connsiteX125" fmla="*/ 9680055 w 12193196"/>
              <a:gd name="connsiteY125" fmla="*/ 1139767 h 4738686"/>
              <a:gd name="connsiteX126" fmla="*/ 9680055 w 12193196"/>
              <a:gd name="connsiteY126" fmla="*/ 1040866 h 4738686"/>
              <a:gd name="connsiteX127" fmla="*/ 9637647 w 12193196"/>
              <a:gd name="connsiteY127" fmla="*/ 997682 h 4738686"/>
              <a:gd name="connsiteX128" fmla="*/ 9585052 w 12193196"/>
              <a:gd name="connsiteY128" fmla="*/ 1028230 h 4738686"/>
              <a:gd name="connsiteX129" fmla="*/ 10204730 w 12193196"/>
              <a:gd name="connsiteY129" fmla="*/ 997212 h 4738686"/>
              <a:gd name="connsiteX130" fmla="*/ 10201596 w 12193196"/>
              <a:gd name="connsiteY130" fmla="*/ 997702 h 4738686"/>
              <a:gd name="connsiteX131" fmla="*/ 10140774 w 12193196"/>
              <a:gd name="connsiteY131" fmla="*/ 1007280 h 4738686"/>
              <a:gd name="connsiteX132" fmla="*/ 10140774 w 12193196"/>
              <a:gd name="connsiteY132" fmla="*/ 1017985 h 4738686"/>
              <a:gd name="connsiteX133" fmla="*/ 10143418 w 12193196"/>
              <a:gd name="connsiteY133" fmla="*/ 1017985 h 4738686"/>
              <a:gd name="connsiteX134" fmla="*/ 10166631 w 12193196"/>
              <a:gd name="connsiteY134" fmla="*/ 1040845 h 4738686"/>
              <a:gd name="connsiteX135" fmla="*/ 10166631 w 12193196"/>
              <a:gd name="connsiteY135" fmla="*/ 1139766 h 4738686"/>
              <a:gd name="connsiteX136" fmla="*/ 10204730 w 12193196"/>
              <a:gd name="connsiteY136" fmla="*/ 1139766 h 4738686"/>
              <a:gd name="connsiteX137" fmla="*/ 10204730 w 12193196"/>
              <a:gd name="connsiteY137" fmla="*/ 1068455 h 4738686"/>
              <a:gd name="connsiteX138" fmla="*/ 10237749 w 12193196"/>
              <a:gd name="connsiteY138" fmla="*/ 1028396 h 4738686"/>
              <a:gd name="connsiteX139" fmla="*/ 10244592 w 12193196"/>
              <a:gd name="connsiteY139" fmla="*/ 1028377 h 4738686"/>
              <a:gd name="connsiteX140" fmla="*/ 10257815 w 12193196"/>
              <a:gd name="connsiteY140" fmla="*/ 1030933 h 4738686"/>
              <a:gd name="connsiteX141" fmla="*/ 10263985 w 12193196"/>
              <a:gd name="connsiteY141" fmla="*/ 1032667 h 4738686"/>
              <a:gd name="connsiteX142" fmla="*/ 10263985 w 12193196"/>
              <a:gd name="connsiteY142" fmla="*/ 1029112 h 4738686"/>
              <a:gd name="connsiteX143" fmla="*/ 10263985 w 12193196"/>
              <a:gd name="connsiteY143" fmla="*/ 999484 h 4738686"/>
              <a:gd name="connsiteX144" fmla="*/ 10261732 w 12193196"/>
              <a:gd name="connsiteY144" fmla="*/ 999141 h 4738686"/>
              <a:gd name="connsiteX145" fmla="*/ 10243613 w 12193196"/>
              <a:gd name="connsiteY145" fmla="*/ 997682 h 4738686"/>
              <a:gd name="connsiteX146" fmla="*/ 10204730 w 12193196"/>
              <a:gd name="connsiteY146" fmla="*/ 1025889 h 4738686"/>
              <a:gd name="connsiteX147" fmla="*/ 10548800 w 12193196"/>
              <a:gd name="connsiteY147" fmla="*/ 957712 h 4738686"/>
              <a:gd name="connsiteX148" fmla="*/ 10548800 w 12193196"/>
              <a:gd name="connsiteY148" fmla="*/ 1000943 h 4738686"/>
              <a:gd name="connsiteX149" fmla="*/ 10523237 w 12193196"/>
              <a:gd name="connsiteY149" fmla="*/ 1000943 h 4738686"/>
              <a:gd name="connsiteX150" fmla="*/ 10523237 w 12193196"/>
              <a:gd name="connsiteY150" fmla="*/ 1017828 h 4738686"/>
              <a:gd name="connsiteX151" fmla="*/ 10548800 w 12193196"/>
              <a:gd name="connsiteY151" fmla="*/ 1017828 h 4738686"/>
              <a:gd name="connsiteX152" fmla="*/ 10548800 w 12193196"/>
              <a:gd name="connsiteY152" fmla="*/ 1103283 h 4738686"/>
              <a:gd name="connsiteX153" fmla="*/ 10601199 w 12193196"/>
              <a:gd name="connsiteY153" fmla="*/ 1143028 h 4738686"/>
              <a:gd name="connsiteX154" fmla="*/ 10623627 w 12193196"/>
              <a:gd name="connsiteY154" fmla="*/ 1140697 h 4738686"/>
              <a:gd name="connsiteX155" fmla="*/ 10625880 w 12193196"/>
              <a:gd name="connsiteY155" fmla="*/ 1140364 h 4738686"/>
              <a:gd name="connsiteX156" fmla="*/ 10625880 w 12193196"/>
              <a:gd name="connsiteY156" fmla="*/ 1123146 h 4738686"/>
              <a:gd name="connsiteX157" fmla="*/ 10622648 w 12193196"/>
              <a:gd name="connsiteY157" fmla="*/ 1123880 h 4738686"/>
              <a:gd name="connsiteX158" fmla="*/ 10611091 w 12193196"/>
              <a:gd name="connsiteY158" fmla="*/ 1124977 h 4738686"/>
              <a:gd name="connsiteX159" fmla="*/ 10586899 w 12193196"/>
              <a:gd name="connsiteY159" fmla="*/ 1098690 h 4738686"/>
              <a:gd name="connsiteX160" fmla="*/ 10586899 w 12193196"/>
              <a:gd name="connsiteY160" fmla="*/ 1017809 h 4738686"/>
              <a:gd name="connsiteX161" fmla="*/ 10629798 w 12193196"/>
              <a:gd name="connsiteY161" fmla="*/ 1017809 h 4738686"/>
              <a:gd name="connsiteX162" fmla="*/ 10629798 w 12193196"/>
              <a:gd name="connsiteY162" fmla="*/ 1000923 h 4738686"/>
              <a:gd name="connsiteX163" fmla="*/ 10586899 w 12193196"/>
              <a:gd name="connsiteY163" fmla="*/ 1000923 h 4738686"/>
              <a:gd name="connsiteX164" fmla="*/ 10586899 w 12193196"/>
              <a:gd name="connsiteY164" fmla="*/ 957712 h 4738686"/>
              <a:gd name="connsiteX165" fmla="*/ 11683359 w 12193196"/>
              <a:gd name="connsiteY165" fmla="*/ 957623 h 4738686"/>
              <a:gd name="connsiteX166" fmla="*/ 11683359 w 12193196"/>
              <a:gd name="connsiteY166" fmla="*/ 1000923 h 4738686"/>
              <a:gd name="connsiteX167" fmla="*/ 11657796 w 12193196"/>
              <a:gd name="connsiteY167" fmla="*/ 1000923 h 4738686"/>
              <a:gd name="connsiteX168" fmla="*/ 11657796 w 12193196"/>
              <a:gd name="connsiteY168" fmla="*/ 1017808 h 4738686"/>
              <a:gd name="connsiteX169" fmla="*/ 11683359 w 12193196"/>
              <a:gd name="connsiteY169" fmla="*/ 1017808 h 4738686"/>
              <a:gd name="connsiteX170" fmla="*/ 11683359 w 12193196"/>
              <a:gd name="connsiteY170" fmla="*/ 1103263 h 4738686"/>
              <a:gd name="connsiteX171" fmla="*/ 11735758 w 12193196"/>
              <a:gd name="connsiteY171" fmla="*/ 1143007 h 4738686"/>
              <a:gd name="connsiteX172" fmla="*/ 11758089 w 12193196"/>
              <a:gd name="connsiteY172" fmla="*/ 1140676 h 4738686"/>
              <a:gd name="connsiteX173" fmla="*/ 11760439 w 12193196"/>
              <a:gd name="connsiteY173" fmla="*/ 1140343 h 4738686"/>
              <a:gd name="connsiteX174" fmla="*/ 11760439 w 12193196"/>
              <a:gd name="connsiteY174" fmla="*/ 1123145 h 4738686"/>
              <a:gd name="connsiteX175" fmla="*/ 11757109 w 12193196"/>
              <a:gd name="connsiteY175" fmla="*/ 1123879 h 4738686"/>
              <a:gd name="connsiteX176" fmla="*/ 11745650 w 12193196"/>
              <a:gd name="connsiteY176" fmla="*/ 1124976 h 4738686"/>
              <a:gd name="connsiteX177" fmla="*/ 11721458 w 12193196"/>
              <a:gd name="connsiteY177" fmla="*/ 1098689 h 4738686"/>
              <a:gd name="connsiteX178" fmla="*/ 11721458 w 12193196"/>
              <a:gd name="connsiteY178" fmla="*/ 1017808 h 4738686"/>
              <a:gd name="connsiteX179" fmla="*/ 11764357 w 12193196"/>
              <a:gd name="connsiteY179" fmla="*/ 1017808 h 4738686"/>
              <a:gd name="connsiteX180" fmla="*/ 11764357 w 12193196"/>
              <a:gd name="connsiteY180" fmla="*/ 1000923 h 4738686"/>
              <a:gd name="connsiteX181" fmla="*/ 11721458 w 12193196"/>
              <a:gd name="connsiteY181" fmla="*/ 1000923 h 4738686"/>
              <a:gd name="connsiteX182" fmla="*/ 11721458 w 12193196"/>
              <a:gd name="connsiteY182" fmla="*/ 957623 h 4738686"/>
              <a:gd name="connsiteX183" fmla="*/ 11073573 w 12193196"/>
              <a:gd name="connsiteY183" fmla="*/ 941062 h 4738686"/>
              <a:gd name="connsiteX184" fmla="*/ 11073573 w 12193196"/>
              <a:gd name="connsiteY184" fmla="*/ 952413 h 4738686"/>
              <a:gd name="connsiteX185" fmla="*/ 11081212 w 12193196"/>
              <a:gd name="connsiteY185" fmla="*/ 953686 h 4738686"/>
              <a:gd name="connsiteX186" fmla="*/ 11106384 w 12193196"/>
              <a:gd name="connsiteY186" fmla="*/ 980541 h 4738686"/>
              <a:gd name="connsiteX187" fmla="*/ 11106384 w 12193196"/>
              <a:gd name="connsiteY187" fmla="*/ 1139765 h 4738686"/>
              <a:gd name="connsiteX188" fmla="*/ 11147323 w 12193196"/>
              <a:gd name="connsiteY188" fmla="*/ 1139765 h 4738686"/>
              <a:gd name="connsiteX189" fmla="*/ 11147323 w 12193196"/>
              <a:gd name="connsiteY189" fmla="*/ 981708 h 4738686"/>
              <a:gd name="connsiteX190" fmla="*/ 11251827 w 12193196"/>
              <a:gd name="connsiteY190" fmla="*/ 1139765 h 4738686"/>
              <a:gd name="connsiteX191" fmla="*/ 11302267 w 12193196"/>
              <a:gd name="connsiteY191" fmla="*/ 1139765 h 4738686"/>
              <a:gd name="connsiteX192" fmla="*/ 11302267 w 12193196"/>
              <a:gd name="connsiteY192" fmla="*/ 941062 h 4738686"/>
              <a:gd name="connsiteX193" fmla="*/ 11299623 w 12193196"/>
              <a:gd name="connsiteY193" fmla="*/ 941062 h 4738686"/>
              <a:gd name="connsiteX194" fmla="*/ 11261328 w 12193196"/>
              <a:gd name="connsiteY194" fmla="*/ 941062 h 4738686"/>
              <a:gd name="connsiteX195" fmla="*/ 11261328 w 12193196"/>
              <a:gd name="connsiteY195" fmla="*/ 1091990 h 4738686"/>
              <a:gd name="connsiteX196" fmla="*/ 11161721 w 12193196"/>
              <a:gd name="connsiteY196" fmla="*/ 941062 h 4738686"/>
              <a:gd name="connsiteX197" fmla="*/ 10085829 w 12193196"/>
              <a:gd name="connsiteY197" fmla="*/ 939103 h 4738686"/>
              <a:gd name="connsiteX198" fmla="*/ 10062691 w 12193196"/>
              <a:gd name="connsiteY198" fmla="*/ 957273 h 4738686"/>
              <a:gd name="connsiteX199" fmla="*/ 10080861 w 12193196"/>
              <a:gd name="connsiteY199" fmla="*/ 980411 h 4738686"/>
              <a:gd name="connsiteX200" fmla="*/ 10085535 w 12193196"/>
              <a:gd name="connsiteY200" fmla="*/ 980444 h 4738686"/>
              <a:gd name="connsiteX201" fmla="*/ 10085535 w 12193196"/>
              <a:gd name="connsiteY201" fmla="*/ 980415 h 4738686"/>
              <a:gd name="connsiteX202" fmla="*/ 10109531 w 12193196"/>
              <a:gd name="connsiteY202" fmla="*/ 959583 h 4738686"/>
              <a:gd name="connsiteX203" fmla="*/ 10085829 w 12193196"/>
              <a:gd name="connsiteY203" fmla="*/ 939103 h 4738686"/>
              <a:gd name="connsiteX204" fmla="*/ 9480646 w 12193196"/>
              <a:gd name="connsiteY204" fmla="*/ 937655 h 4738686"/>
              <a:gd name="connsiteX205" fmla="*/ 9477708 w 12193196"/>
              <a:gd name="connsiteY205" fmla="*/ 937919 h 4738686"/>
              <a:gd name="connsiteX206" fmla="*/ 9402293 w 12193196"/>
              <a:gd name="connsiteY206" fmla="*/ 944775 h 4738686"/>
              <a:gd name="connsiteX207" fmla="*/ 9402293 w 12193196"/>
              <a:gd name="connsiteY207" fmla="*/ 955931 h 4738686"/>
              <a:gd name="connsiteX208" fmla="*/ 9404644 w 12193196"/>
              <a:gd name="connsiteY208" fmla="*/ 956225 h 4738686"/>
              <a:gd name="connsiteX209" fmla="*/ 9435006 w 12193196"/>
              <a:gd name="connsiteY209" fmla="*/ 981690 h 4738686"/>
              <a:gd name="connsiteX210" fmla="*/ 9435006 w 12193196"/>
              <a:gd name="connsiteY210" fmla="*/ 1139748 h 4738686"/>
              <a:gd name="connsiteX211" fmla="*/ 9480646 w 12193196"/>
              <a:gd name="connsiteY211" fmla="*/ 1139748 h 4738686"/>
              <a:gd name="connsiteX212" fmla="*/ 10710404 w 12193196"/>
              <a:gd name="connsiteY212" fmla="*/ 932962 h 4738686"/>
              <a:gd name="connsiteX213" fmla="*/ 10707368 w 12193196"/>
              <a:gd name="connsiteY213" fmla="*/ 933364 h 4738686"/>
              <a:gd name="connsiteX214" fmla="*/ 10646644 w 12193196"/>
              <a:gd name="connsiteY214" fmla="*/ 940827 h 4738686"/>
              <a:gd name="connsiteX215" fmla="*/ 10646644 w 12193196"/>
              <a:gd name="connsiteY215" fmla="*/ 951600 h 4738686"/>
              <a:gd name="connsiteX216" fmla="*/ 10649288 w 12193196"/>
              <a:gd name="connsiteY216" fmla="*/ 951688 h 4738686"/>
              <a:gd name="connsiteX217" fmla="*/ 10672207 w 12193196"/>
              <a:gd name="connsiteY217" fmla="*/ 975146 h 4738686"/>
              <a:gd name="connsiteX218" fmla="*/ 10672207 w 12193196"/>
              <a:gd name="connsiteY218" fmla="*/ 1139766 h 4738686"/>
              <a:gd name="connsiteX219" fmla="*/ 10710404 w 12193196"/>
              <a:gd name="connsiteY219" fmla="*/ 1139766 h 4738686"/>
              <a:gd name="connsiteX220" fmla="*/ 10710404 w 12193196"/>
              <a:gd name="connsiteY220" fmla="*/ 1068719 h 4738686"/>
              <a:gd name="connsiteX221" fmla="*/ 10746251 w 12193196"/>
              <a:gd name="connsiteY221" fmla="*/ 1022628 h 4738686"/>
              <a:gd name="connsiteX222" fmla="*/ 10767504 w 12193196"/>
              <a:gd name="connsiteY222" fmla="*/ 1052657 h 4738686"/>
              <a:gd name="connsiteX223" fmla="*/ 10767504 w 12193196"/>
              <a:gd name="connsiteY223" fmla="*/ 1139766 h 4738686"/>
              <a:gd name="connsiteX224" fmla="*/ 10805604 w 12193196"/>
              <a:gd name="connsiteY224" fmla="*/ 1139766 h 4738686"/>
              <a:gd name="connsiteX225" fmla="*/ 10805604 w 12193196"/>
              <a:gd name="connsiteY225" fmla="*/ 1048347 h 4738686"/>
              <a:gd name="connsiteX226" fmla="*/ 10762705 w 12193196"/>
              <a:gd name="connsiteY226" fmla="*/ 997682 h 4738686"/>
              <a:gd name="connsiteX227" fmla="*/ 10710404 w 12193196"/>
              <a:gd name="connsiteY227" fmla="*/ 1028093 h 4738686"/>
              <a:gd name="connsiteX228" fmla="*/ 11691292 w 12193196"/>
              <a:gd name="connsiteY228" fmla="*/ 901218 h 4738686"/>
              <a:gd name="connsiteX229" fmla="*/ 11642419 w 12193196"/>
              <a:gd name="connsiteY229" fmla="*/ 957691 h 4738686"/>
              <a:gd name="connsiteX230" fmla="*/ 11682771 w 12193196"/>
              <a:gd name="connsiteY230" fmla="*/ 957691 h 4738686"/>
              <a:gd name="connsiteX231" fmla="*/ 11731644 w 12193196"/>
              <a:gd name="connsiteY231" fmla="*/ 901218 h 4738686"/>
              <a:gd name="connsiteX232" fmla="*/ 10547331 w 12193196"/>
              <a:gd name="connsiteY232" fmla="*/ 583241 h 4738686"/>
              <a:gd name="connsiteX233" fmla="*/ 10606292 w 12193196"/>
              <a:gd name="connsiteY233" fmla="*/ 728608 h 4738686"/>
              <a:gd name="connsiteX234" fmla="*/ 10488370 w 12193196"/>
              <a:gd name="connsiteY234" fmla="*/ 728608 h 4738686"/>
              <a:gd name="connsiteX235" fmla="*/ 11138508 w 12193196"/>
              <a:gd name="connsiteY235" fmla="*/ 528864 h 4738686"/>
              <a:gd name="connsiteX236" fmla="*/ 11138508 w 12193196"/>
              <a:gd name="connsiteY236" fmla="*/ 848508 h 4738686"/>
              <a:gd name="connsiteX237" fmla="*/ 11223130 w 12193196"/>
              <a:gd name="connsiteY237" fmla="*/ 848508 h 4738686"/>
              <a:gd name="connsiteX238" fmla="*/ 11223130 w 12193196"/>
              <a:gd name="connsiteY238" fmla="*/ 707844 h 4738686"/>
              <a:gd name="connsiteX239" fmla="*/ 11394136 w 12193196"/>
              <a:gd name="connsiteY239" fmla="*/ 707844 h 4738686"/>
              <a:gd name="connsiteX240" fmla="*/ 11394136 w 12193196"/>
              <a:gd name="connsiteY240" fmla="*/ 848508 h 4738686"/>
              <a:gd name="connsiteX241" fmla="*/ 11478856 w 12193196"/>
              <a:gd name="connsiteY241" fmla="*/ 848508 h 4738686"/>
              <a:gd name="connsiteX242" fmla="*/ 11478856 w 12193196"/>
              <a:gd name="connsiteY242" fmla="*/ 528864 h 4738686"/>
              <a:gd name="connsiteX243" fmla="*/ 11394136 w 12193196"/>
              <a:gd name="connsiteY243" fmla="*/ 528864 h 4738686"/>
              <a:gd name="connsiteX244" fmla="*/ 11394136 w 12193196"/>
              <a:gd name="connsiteY244" fmla="*/ 656678 h 4738686"/>
              <a:gd name="connsiteX245" fmla="*/ 11223130 w 12193196"/>
              <a:gd name="connsiteY245" fmla="*/ 656678 h 4738686"/>
              <a:gd name="connsiteX246" fmla="*/ 11223130 w 12193196"/>
              <a:gd name="connsiteY246" fmla="*/ 528864 h 4738686"/>
              <a:gd name="connsiteX247" fmla="*/ 10075937 w 12193196"/>
              <a:gd name="connsiteY247" fmla="*/ 528864 h 4738686"/>
              <a:gd name="connsiteX248" fmla="*/ 10075937 w 12193196"/>
              <a:gd name="connsiteY248" fmla="*/ 583241 h 4738686"/>
              <a:gd name="connsiteX249" fmla="*/ 10205416 w 12193196"/>
              <a:gd name="connsiteY249" fmla="*/ 583241 h 4738686"/>
              <a:gd name="connsiteX250" fmla="*/ 10205416 w 12193196"/>
              <a:gd name="connsiteY250" fmla="*/ 848508 h 4738686"/>
              <a:gd name="connsiteX251" fmla="*/ 10290038 w 12193196"/>
              <a:gd name="connsiteY251" fmla="*/ 848508 h 4738686"/>
              <a:gd name="connsiteX252" fmla="*/ 10290038 w 12193196"/>
              <a:gd name="connsiteY252" fmla="*/ 583241 h 4738686"/>
              <a:gd name="connsiteX253" fmla="*/ 10419517 w 12193196"/>
              <a:gd name="connsiteY253" fmla="*/ 583241 h 4738686"/>
              <a:gd name="connsiteX254" fmla="*/ 10419517 w 12193196"/>
              <a:gd name="connsiteY254" fmla="*/ 528864 h 4738686"/>
              <a:gd name="connsiteX255" fmla="*/ 10075937 w 12193196"/>
              <a:gd name="connsiteY255" fmla="*/ 528864 h 4738686"/>
              <a:gd name="connsiteX256" fmla="*/ 10495421 w 12193196"/>
              <a:gd name="connsiteY256" fmla="*/ 528864 h 4738686"/>
              <a:gd name="connsiteX257" fmla="*/ 10346060 w 12193196"/>
              <a:gd name="connsiteY257" fmla="*/ 848508 h 4738686"/>
              <a:gd name="connsiteX258" fmla="*/ 10440280 w 12193196"/>
              <a:gd name="connsiteY258" fmla="*/ 848508 h 4738686"/>
              <a:gd name="connsiteX259" fmla="*/ 10467998 w 12193196"/>
              <a:gd name="connsiteY259" fmla="*/ 779773 h 4738686"/>
              <a:gd name="connsiteX260" fmla="*/ 10626663 w 12193196"/>
              <a:gd name="connsiteY260" fmla="*/ 779773 h 4738686"/>
              <a:gd name="connsiteX261" fmla="*/ 10654381 w 12193196"/>
              <a:gd name="connsiteY261" fmla="*/ 848508 h 4738686"/>
              <a:gd name="connsiteX262" fmla="*/ 10748699 w 12193196"/>
              <a:gd name="connsiteY262" fmla="*/ 848508 h 4738686"/>
              <a:gd name="connsiteX263" fmla="*/ 10599240 w 12193196"/>
              <a:gd name="connsiteY263" fmla="*/ 528864 h 4738686"/>
              <a:gd name="connsiteX264" fmla="*/ 10495421 w 12193196"/>
              <a:gd name="connsiteY264" fmla="*/ 528864 h 4738686"/>
              <a:gd name="connsiteX265" fmla="*/ 11545848 w 12193196"/>
              <a:gd name="connsiteY265" fmla="*/ 528864 h 4738686"/>
              <a:gd name="connsiteX266" fmla="*/ 11545848 w 12193196"/>
              <a:gd name="connsiteY266" fmla="*/ 848508 h 4738686"/>
              <a:gd name="connsiteX267" fmla="*/ 11630666 w 12193196"/>
              <a:gd name="connsiteY267" fmla="*/ 848508 h 4738686"/>
              <a:gd name="connsiteX268" fmla="*/ 11630666 w 12193196"/>
              <a:gd name="connsiteY268" fmla="*/ 528864 h 4738686"/>
              <a:gd name="connsiteX269" fmla="*/ 9553515 w 12193196"/>
              <a:gd name="connsiteY269" fmla="*/ 528864 h 4738686"/>
              <a:gd name="connsiteX270" fmla="*/ 9553515 w 12193196"/>
              <a:gd name="connsiteY270" fmla="*/ 848508 h 4738686"/>
              <a:gd name="connsiteX271" fmla="*/ 9638235 w 12193196"/>
              <a:gd name="connsiteY271" fmla="*/ 848508 h 4738686"/>
              <a:gd name="connsiteX272" fmla="*/ 9638235 w 12193196"/>
              <a:gd name="connsiteY272" fmla="*/ 707844 h 4738686"/>
              <a:gd name="connsiteX273" fmla="*/ 9809143 w 12193196"/>
              <a:gd name="connsiteY273" fmla="*/ 707844 h 4738686"/>
              <a:gd name="connsiteX274" fmla="*/ 9809143 w 12193196"/>
              <a:gd name="connsiteY274" fmla="*/ 848508 h 4738686"/>
              <a:gd name="connsiteX275" fmla="*/ 9893863 w 12193196"/>
              <a:gd name="connsiteY275" fmla="*/ 848508 h 4738686"/>
              <a:gd name="connsiteX276" fmla="*/ 9893863 w 12193196"/>
              <a:gd name="connsiteY276" fmla="*/ 528864 h 4738686"/>
              <a:gd name="connsiteX277" fmla="*/ 9809143 w 12193196"/>
              <a:gd name="connsiteY277" fmla="*/ 528864 h 4738686"/>
              <a:gd name="connsiteX278" fmla="*/ 9809143 w 12193196"/>
              <a:gd name="connsiteY278" fmla="*/ 656678 h 4738686"/>
              <a:gd name="connsiteX279" fmla="*/ 9638235 w 12193196"/>
              <a:gd name="connsiteY279" fmla="*/ 656678 h 4738686"/>
              <a:gd name="connsiteX280" fmla="*/ 9638235 w 12193196"/>
              <a:gd name="connsiteY280" fmla="*/ 528864 h 4738686"/>
              <a:gd name="connsiteX281" fmla="*/ 9960953 w 12193196"/>
              <a:gd name="connsiteY281" fmla="*/ 528864 h 4738686"/>
              <a:gd name="connsiteX282" fmla="*/ 9960953 w 12193196"/>
              <a:gd name="connsiteY282" fmla="*/ 848508 h 4738686"/>
              <a:gd name="connsiteX283" fmla="*/ 10045673 w 12193196"/>
              <a:gd name="connsiteY283" fmla="*/ 848508 h 4738686"/>
              <a:gd name="connsiteX284" fmla="*/ 10045673 w 12193196"/>
              <a:gd name="connsiteY284" fmla="*/ 528864 h 4738686"/>
              <a:gd name="connsiteX285" fmla="*/ 10929795 w 12193196"/>
              <a:gd name="connsiteY285" fmla="*/ 520972 h 4738686"/>
              <a:gd name="connsiteX286" fmla="*/ 10828914 w 12193196"/>
              <a:gd name="connsiteY286" fmla="*/ 537904 h 4738686"/>
              <a:gd name="connsiteX287" fmla="*/ 10756241 w 12193196"/>
              <a:gd name="connsiteY287" fmla="*/ 598756 h 4738686"/>
              <a:gd name="connsiteX288" fmla="*/ 10734302 w 12193196"/>
              <a:gd name="connsiteY288" fmla="*/ 691800 h 4738686"/>
              <a:gd name="connsiteX289" fmla="*/ 10745663 w 12193196"/>
              <a:gd name="connsiteY289" fmla="*/ 759871 h 4738686"/>
              <a:gd name="connsiteX290" fmla="*/ 10745663 w 12193196"/>
              <a:gd name="connsiteY290" fmla="*/ 759880 h 4738686"/>
              <a:gd name="connsiteX291" fmla="*/ 10836847 w 12193196"/>
              <a:gd name="connsiteY291" fmla="*/ 843130 h 4738686"/>
              <a:gd name="connsiteX292" fmla="*/ 10922840 w 12193196"/>
              <a:gd name="connsiteY292" fmla="*/ 856372 h 4738686"/>
              <a:gd name="connsiteX293" fmla="*/ 11031654 w 12193196"/>
              <a:gd name="connsiteY293" fmla="*/ 834140 h 4738686"/>
              <a:gd name="connsiteX294" fmla="*/ 11090810 w 12193196"/>
              <a:gd name="connsiteY294" fmla="*/ 763621 h 4738686"/>
              <a:gd name="connsiteX295" fmla="*/ 11095120 w 12193196"/>
              <a:gd name="connsiteY295" fmla="*/ 733318 h 4738686"/>
              <a:gd name="connsiteX296" fmla="*/ 11005895 w 12193196"/>
              <a:gd name="connsiteY296" fmla="*/ 733318 h 4738686"/>
              <a:gd name="connsiteX297" fmla="*/ 10998941 w 12193196"/>
              <a:gd name="connsiteY297" fmla="*/ 767598 h 4738686"/>
              <a:gd name="connsiteX298" fmla="*/ 10961919 w 12193196"/>
              <a:gd name="connsiteY298" fmla="*/ 800790 h 4738686"/>
              <a:gd name="connsiteX299" fmla="*/ 10922840 w 12193196"/>
              <a:gd name="connsiteY299" fmla="*/ 806873 h 4738686"/>
              <a:gd name="connsiteX300" fmla="*/ 10877395 w 12193196"/>
              <a:gd name="connsiteY300" fmla="*/ 798460 h 4738686"/>
              <a:gd name="connsiteX301" fmla="*/ 10831167 w 12193196"/>
              <a:gd name="connsiteY301" fmla="*/ 748009 h 4738686"/>
              <a:gd name="connsiteX302" fmla="*/ 10823037 w 12193196"/>
              <a:gd name="connsiteY302" fmla="*/ 691820 h 4738686"/>
              <a:gd name="connsiteX303" fmla="*/ 10834595 w 12193196"/>
              <a:gd name="connsiteY303" fmla="*/ 624553 h 4738686"/>
              <a:gd name="connsiteX304" fmla="*/ 10880921 w 12193196"/>
              <a:gd name="connsiteY304" fmla="*/ 577649 h 4738686"/>
              <a:gd name="connsiteX305" fmla="*/ 10922840 w 12193196"/>
              <a:gd name="connsiteY305" fmla="*/ 570431 h 4738686"/>
              <a:gd name="connsiteX306" fmla="*/ 10959862 w 12193196"/>
              <a:gd name="connsiteY306" fmla="*/ 575964 h 4738686"/>
              <a:gd name="connsiteX307" fmla="*/ 10999627 w 12193196"/>
              <a:gd name="connsiteY307" fmla="*/ 612928 h 4738686"/>
              <a:gd name="connsiteX308" fmla="*/ 11004230 w 12193196"/>
              <a:gd name="connsiteY308" fmla="*/ 637521 h 4738686"/>
              <a:gd name="connsiteX309" fmla="*/ 11093063 w 12193196"/>
              <a:gd name="connsiteY309" fmla="*/ 637521 h 4738686"/>
              <a:gd name="connsiteX310" fmla="*/ 11090027 w 12193196"/>
              <a:gd name="connsiteY310" fmla="*/ 617276 h 4738686"/>
              <a:gd name="connsiteX311" fmla="*/ 11029597 w 12193196"/>
              <a:gd name="connsiteY311" fmla="*/ 543409 h 4738686"/>
              <a:gd name="connsiteX312" fmla="*/ 10929795 w 12193196"/>
              <a:gd name="connsiteY312" fmla="*/ 520972 h 4738686"/>
              <a:gd name="connsiteX313" fmla="*/ 0 w 12193196"/>
              <a:gd name="connsiteY313" fmla="*/ 0 h 4738686"/>
              <a:gd name="connsiteX314" fmla="*/ 12193196 w 12193196"/>
              <a:gd name="connsiteY314" fmla="*/ 0 h 4738686"/>
              <a:gd name="connsiteX315" fmla="*/ 12193196 w 12193196"/>
              <a:gd name="connsiteY315" fmla="*/ 4738686 h 4738686"/>
              <a:gd name="connsiteX316" fmla="*/ 0 w 12193196"/>
              <a:gd name="connsiteY316" fmla="*/ 4738686 h 47386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</a:cxnLst>
            <a:rect l="l" t="t" r="r" b="b"/>
            <a:pathLst>
              <a:path w="12193196" h="4738686">
                <a:moveTo>
                  <a:pt x="9943716" y="1018573"/>
                </a:moveTo>
                <a:lnTo>
                  <a:pt x="9943716" y="1018583"/>
                </a:lnTo>
                <a:cubicBezTo>
                  <a:pt x="9969768" y="1018583"/>
                  <a:pt x="9972804" y="1046888"/>
                  <a:pt x="9972804" y="1068171"/>
                </a:cubicBezTo>
                <a:cubicBezTo>
                  <a:pt x="9972804" y="1104410"/>
                  <a:pt x="9963402" y="1122040"/>
                  <a:pt x="9944107" y="1122040"/>
                </a:cubicBezTo>
                <a:cubicBezTo>
                  <a:pt x="9919230" y="1122040"/>
                  <a:pt x="9914039" y="1098847"/>
                  <a:pt x="9914039" y="1079406"/>
                </a:cubicBezTo>
                <a:lnTo>
                  <a:pt x="9914039" y="1067545"/>
                </a:lnTo>
                <a:cubicBezTo>
                  <a:pt x="9914039" y="1052854"/>
                  <a:pt x="9916977" y="1018573"/>
                  <a:pt x="9943716" y="1018573"/>
                </a:cubicBezTo>
                <a:close/>
                <a:moveTo>
                  <a:pt x="11408435" y="1012941"/>
                </a:moveTo>
                <a:cubicBezTo>
                  <a:pt x="11428807" y="1012941"/>
                  <a:pt x="11434096" y="1027633"/>
                  <a:pt x="11434684" y="1041128"/>
                </a:cubicBezTo>
                <a:lnTo>
                  <a:pt x="11379836" y="1041128"/>
                </a:lnTo>
                <a:cubicBezTo>
                  <a:pt x="11380159" y="1025534"/>
                  <a:pt x="11392843" y="1013033"/>
                  <a:pt x="11408435" y="1012941"/>
                </a:cubicBezTo>
                <a:close/>
                <a:moveTo>
                  <a:pt x="10350271" y="1012834"/>
                </a:moveTo>
                <a:cubicBezTo>
                  <a:pt x="10370741" y="1012834"/>
                  <a:pt x="10376030" y="1027584"/>
                  <a:pt x="10376618" y="1041021"/>
                </a:cubicBezTo>
                <a:lnTo>
                  <a:pt x="10321770" y="1041021"/>
                </a:lnTo>
                <a:cubicBezTo>
                  <a:pt x="10322093" y="1025467"/>
                  <a:pt x="10334714" y="1012983"/>
                  <a:pt x="10350271" y="1012834"/>
                </a:cubicBezTo>
                <a:close/>
                <a:moveTo>
                  <a:pt x="10912556" y="1012833"/>
                </a:moveTo>
                <a:cubicBezTo>
                  <a:pt x="10933026" y="1012833"/>
                  <a:pt x="10938217" y="1027584"/>
                  <a:pt x="10938805" y="1041021"/>
                </a:cubicBezTo>
                <a:lnTo>
                  <a:pt x="10883957" y="1041021"/>
                </a:lnTo>
                <a:cubicBezTo>
                  <a:pt x="10884290" y="1025434"/>
                  <a:pt x="10896964" y="1012941"/>
                  <a:pt x="10912556" y="1012833"/>
                </a:cubicBezTo>
                <a:close/>
                <a:moveTo>
                  <a:pt x="11605397" y="1000835"/>
                </a:moveTo>
                <a:lnTo>
                  <a:pt x="11568179" y="1043841"/>
                </a:lnTo>
                <a:lnTo>
                  <a:pt x="11535270" y="1000923"/>
                </a:lnTo>
                <a:lnTo>
                  <a:pt x="11476897" y="1000923"/>
                </a:lnTo>
                <a:lnTo>
                  <a:pt x="11476897" y="1011922"/>
                </a:lnTo>
                <a:lnTo>
                  <a:pt x="11479443" y="1012079"/>
                </a:lnTo>
                <a:cubicBezTo>
                  <a:pt x="11499326" y="1013430"/>
                  <a:pt x="11503831" y="1016976"/>
                  <a:pt x="11516074" y="1033136"/>
                </a:cubicBezTo>
                <a:lnTo>
                  <a:pt x="11539971" y="1064899"/>
                </a:lnTo>
                <a:lnTo>
                  <a:pt x="11500893" y="1110021"/>
                </a:lnTo>
                <a:lnTo>
                  <a:pt x="11541245" y="1110021"/>
                </a:lnTo>
                <a:lnTo>
                  <a:pt x="11558776" y="1089874"/>
                </a:lnTo>
                <a:lnTo>
                  <a:pt x="11596386" y="1139824"/>
                </a:lnTo>
                <a:lnTo>
                  <a:pt x="11641635" y="1139824"/>
                </a:lnTo>
                <a:lnTo>
                  <a:pt x="11569942" y="1046192"/>
                </a:lnTo>
                <a:lnTo>
                  <a:pt x="11606474" y="1046221"/>
                </a:lnTo>
                <a:lnTo>
                  <a:pt x="11645651" y="1000835"/>
                </a:lnTo>
                <a:close/>
                <a:moveTo>
                  <a:pt x="11409709" y="997750"/>
                </a:moveTo>
                <a:cubicBezTo>
                  <a:pt x="11362305" y="997750"/>
                  <a:pt x="11338211" y="1020600"/>
                  <a:pt x="11338211" y="1065684"/>
                </a:cubicBezTo>
                <a:cubicBezTo>
                  <a:pt x="11338211" y="1114066"/>
                  <a:pt x="11369259" y="1143008"/>
                  <a:pt x="11421168" y="1143008"/>
                </a:cubicBezTo>
                <a:cubicBezTo>
                  <a:pt x="11437024" y="1142934"/>
                  <a:pt x="11452764" y="1140308"/>
                  <a:pt x="11467788" y="1135231"/>
                </a:cubicBezTo>
                <a:lnTo>
                  <a:pt x="11470041" y="1134527"/>
                </a:lnTo>
                <a:lnTo>
                  <a:pt x="11470041" y="1116084"/>
                </a:lnTo>
                <a:lnTo>
                  <a:pt x="11466417" y="1117376"/>
                </a:lnTo>
                <a:cubicBezTo>
                  <a:pt x="11456779" y="1120531"/>
                  <a:pt x="11446691" y="1122122"/>
                  <a:pt x="11436545" y="1122088"/>
                </a:cubicBezTo>
                <a:cubicBezTo>
                  <a:pt x="11395801" y="1122088"/>
                  <a:pt x="11380620" y="1088181"/>
                  <a:pt x="11379738" y="1058034"/>
                </a:cubicBezTo>
                <a:lnTo>
                  <a:pt x="11472979" y="1058034"/>
                </a:lnTo>
                <a:lnTo>
                  <a:pt x="11472979" y="1055330"/>
                </a:lnTo>
                <a:cubicBezTo>
                  <a:pt x="11472979" y="1017133"/>
                  <a:pt x="11451726" y="997750"/>
                  <a:pt x="11409709" y="997750"/>
                </a:cubicBezTo>
                <a:close/>
                <a:moveTo>
                  <a:pt x="9781426" y="997723"/>
                </a:moveTo>
                <a:cubicBezTo>
                  <a:pt x="9745481" y="997723"/>
                  <a:pt x="9724032" y="1013119"/>
                  <a:pt x="9724032" y="1038926"/>
                </a:cubicBezTo>
                <a:cubicBezTo>
                  <a:pt x="9724032" y="1062100"/>
                  <a:pt x="9746265" y="1073031"/>
                  <a:pt x="9765951" y="1082648"/>
                </a:cubicBezTo>
                <a:cubicBezTo>
                  <a:pt x="9781230" y="1090161"/>
                  <a:pt x="9795725" y="1097203"/>
                  <a:pt x="9795725" y="1108378"/>
                </a:cubicBezTo>
                <a:cubicBezTo>
                  <a:pt x="9795725" y="1118877"/>
                  <a:pt x="9786421" y="1124901"/>
                  <a:pt x="9770261" y="1124901"/>
                </a:cubicBezTo>
                <a:cubicBezTo>
                  <a:pt x="9755255" y="1123971"/>
                  <a:pt x="9740791" y="1118948"/>
                  <a:pt x="9728439" y="1110376"/>
                </a:cubicBezTo>
                <a:lnTo>
                  <a:pt x="9724326" y="1107888"/>
                </a:lnTo>
                <a:lnTo>
                  <a:pt x="9724326" y="1137271"/>
                </a:lnTo>
                <a:lnTo>
                  <a:pt x="9727166" y="1137888"/>
                </a:lnTo>
                <a:cubicBezTo>
                  <a:pt x="9740855" y="1141241"/>
                  <a:pt x="9754894" y="1142947"/>
                  <a:pt x="9768987" y="1142971"/>
                </a:cubicBezTo>
                <a:cubicBezTo>
                  <a:pt x="9807576" y="1142971"/>
                  <a:pt x="9830593" y="1127134"/>
                  <a:pt x="9830593" y="1100631"/>
                </a:cubicBezTo>
                <a:cubicBezTo>
                  <a:pt x="9830593" y="1074372"/>
                  <a:pt x="9807381" y="1062982"/>
                  <a:pt x="9786911" y="1052913"/>
                </a:cubicBezTo>
                <a:lnTo>
                  <a:pt x="9786911" y="1052884"/>
                </a:lnTo>
                <a:cubicBezTo>
                  <a:pt x="9771828" y="1045527"/>
                  <a:pt x="9758899" y="1039172"/>
                  <a:pt x="9758899" y="1028779"/>
                </a:cubicBezTo>
                <a:cubicBezTo>
                  <a:pt x="9758899" y="1017026"/>
                  <a:pt x="9773003" y="1015714"/>
                  <a:pt x="9779075" y="1015714"/>
                </a:cubicBezTo>
                <a:cubicBezTo>
                  <a:pt x="9791882" y="1016511"/>
                  <a:pt x="9804235" y="1020760"/>
                  <a:pt x="9814824" y="1028006"/>
                </a:cubicBezTo>
                <a:lnTo>
                  <a:pt x="9820799" y="1031649"/>
                </a:lnTo>
                <a:lnTo>
                  <a:pt x="9820799" y="1003079"/>
                </a:lnTo>
                <a:lnTo>
                  <a:pt x="9816097" y="1002101"/>
                </a:lnTo>
                <a:cubicBezTo>
                  <a:pt x="9804739" y="999359"/>
                  <a:pt x="9793109" y="997890"/>
                  <a:pt x="9781426" y="997723"/>
                </a:cubicBezTo>
                <a:close/>
                <a:moveTo>
                  <a:pt x="10913830" y="997682"/>
                </a:moveTo>
                <a:cubicBezTo>
                  <a:pt x="10866426" y="997682"/>
                  <a:pt x="10842430" y="1020493"/>
                  <a:pt x="10842430" y="1065566"/>
                </a:cubicBezTo>
                <a:cubicBezTo>
                  <a:pt x="10842430" y="1114017"/>
                  <a:pt x="10873380" y="1142940"/>
                  <a:pt x="10925289" y="1142940"/>
                </a:cubicBezTo>
                <a:cubicBezTo>
                  <a:pt x="10941146" y="1142830"/>
                  <a:pt x="10956885" y="1140185"/>
                  <a:pt x="10971909" y="1135104"/>
                </a:cubicBezTo>
                <a:lnTo>
                  <a:pt x="10974162" y="1134399"/>
                </a:lnTo>
                <a:lnTo>
                  <a:pt x="10974162" y="1115976"/>
                </a:lnTo>
                <a:lnTo>
                  <a:pt x="10970538" y="1117289"/>
                </a:lnTo>
                <a:cubicBezTo>
                  <a:pt x="10960910" y="1120484"/>
                  <a:pt x="10950813" y="1122075"/>
                  <a:pt x="10940666" y="1122000"/>
                </a:cubicBezTo>
                <a:cubicBezTo>
                  <a:pt x="10899922" y="1122000"/>
                  <a:pt x="10884741" y="1088122"/>
                  <a:pt x="10883957" y="1057926"/>
                </a:cubicBezTo>
                <a:lnTo>
                  <a:pt x="10977100" y="1057926"/>
                </a:lnTo>
                <a:lnTo>
                  <a:pt x="10977100" y="1055242"/>
                </a:lnTo>
                <a:cubicBezTo>
                  <a:pt x="10977100" y="1017044"/>
                  <a:pt x="10955847" y="997682"/>
                  <a:pt x="10913830" y="997682"/>
                </a:cubicBezTo>
                <a:close/>
                <a:moveTo>
                  <a:pt x="10351643" y="997682"/>
                </a:moveTo>
                <a:cubicBezTo>
                  <a:pt x="10304239" y="997682"/>
                  <a:pt x="10280145" y="1020493"/>
                  <a:pt x="10280145" y="1065566"/>
                </a:cubicBezTo>
                <a:cubicBezTo>
                  <a:pt x="10280145" y="1114017"/>
                  <a:pt x="10311193" y="1142940"/>
                  <a:pt x="10363102" y="1142940"/>
                </a:cubicBezTo>
                <a:cubicBezTo>
                  <a:pt x="10378961" y="1142830"/>
                  <a:pt x="10394698" y="1140185"/>
                  <a:pt x="10409722" y="1135104"/>
                </a:cubicBezTo>
                <a:lnTo>
                  <a:pt x="10411975" y="1134399"/>
                </a:lnTo>
                <a:lnTo>
                  <a:pt x="10411975" y="1115976"/>
                </a:lnTo>
                <a:lnTo>
                  <a:pt x="10408351" y="1117289"/>
                </a:lnTo>
                <a:cubicBezTo>
                  <a:pt x="10398713" y="1120466"/>
                  <a:pt x="10388625" y="1122057"/>
                  <a:pt x="10378479" y="1122000"/>
                </a:cubicBezTo>
                <a:cubicBezTo>
                  <a:pt x="10337735" y="1122000"/>
                  <a:pt x="10322554" y="1088122"/>
                  <a:pt x="10321672" y="1057926"/>
                </a:cubicBezTo>
                <a:lnTo>
                  <a:pt x="10414913" y="1057926"/>
                </a:lnTo>
                <a:lnTo>
                  <a:pt x="10414913" y="1055242"/>
                </a:lnTo>
                <a:cubicBezTo>
                  <a:pt x="10414913" y="1017045"/>
                  <a:pt x="10393660" y="997682"/>
                  <a:pt x="10351643" y="997682"/>
                </a:cubicBezTo>
                <a:close/>
                <a:moveTo>
                  <a:pt x="10104241" y="997212"/>
                </a:moveTo>
                <a:lnTo>
                  <a:pt x="10101107" y="997702"/>
                </a:lnTo>
                <a:lnTo>
                  <a:pt x="10040873" y="1007280"/>
                </a:lnTo>
                <a:lnTo>
                  <a:pt x="10040873" y="1017937"/>
                </a:lnTo>
                <a:lnTo>
                  <a:pt x="10043517" y="1018005"/>
                </a:lnTo>
                <a:cubicBezTo>
                  <a:pt x="10062322" y="1018563"/>
                  <a:pt x="10066142" y="1022432"/>
                  <a:pt x="10066142" y="1040865"/>
                </a:cubicBezTo>
                <a:lnTo>
                  <a:pt x="10066142" y="1139787"/>
                </a:lnTo>
                <a:lnTo>
                  <a:pt x="10104241" y="1139787"/>
                </a:lnTo>
                <a:close/>
                <a:moveTo>
                  <a:pt x="9914333" y="997212"/>
                </a:moveTo>
                <a:lnTo>
                  <a:pt x="9911199" y="997703"/>
                </a:lnTo>
                <a:lnTo>
                  <a:pt x="9850377" y="1007280"/>
                </a:lnTo>
                <a:lnTo>
                  <a:pt x="9850377" y="1017937"/>
                </a:lnTo>
                <a:lnTo>
                  <a:pt x="9853021" y="1018005"/>
                </a:lnTo>
                <a:cubicBezTo>
                  <a:pt x="9872022" y="1018563"/>
                  <a:pt x="9875940" y="1022433"/>
                  <a:pt x="9875940" y="1040865"/>
                </a:cubicBezTo>
                <a:lnTo>
                  <a:pt x="9875940" y="1198327"/>
                </a:lnTo>
                <a:lnTo>
                  <a:pt x="9914039" y="1198327"/>
                </a:lnTo>
                <a:lnTo>
                  <a:pt x="9914039" y="1126594"/>
                </a:lnTo>
                <a:cubicBezTo>
                  <a:pt x="9923719" y="1138012"/>
                  <a:pt x="9938291" y="1144094"/>
                  <a:pt x="9953216" y="1142940"/>
                </a:cubicBezTo>
                <a:cubicBezTo>
                  <a:pt x="9993176" y="1142940"/>
                  <a:pt x="10014234" y="1117064"/>
                  <a:pt x="10014234" y="1068171"/>
                </a:cubicBezTo>
                <a:cubicBezTo>
                  <a:pt x="10014234" y="1023334"/>
                  <a:pt x="9992491" y="997654"/>
                  <a:pt x="9954587" y="997654"/>
                </a:cubicBezTo>
                <a:lnTo>
                  <a:pt x="9954587" y="997682"/>
                </a:lnTo>
                <a:cubicBezTo>
                  <a:pt x="9939027" y="998380"/>
                  <a:pt x="9924452" y="1005498"/>
                  <a:pt x="9914333" y="1017339"/>
                </a:cubicBezTo>
                <a:close/>
                <a:moveTo>
                  <a:pt x="9585052" y="997212"/>
                </a:moveTo>
                <a:lnTo>
                  <a:pt x="9581918" y="997703"/>
                </a:lnTo>
                <a:lnTo>
                  <a:pt x="9520704" y="1007280"/>
                </a:lnTo>
                <a:lnTo>
                  <a:pt x="9520704" y="1017986"/>
                </a:lnTo>
                <a:lnTo>
                  <a:pt x="9523348" y="1017986"/>
                </a:lnTo>
                <a:cubicBezTo>
                  <a:pt x="9542741" y="1018545"/>
                  <a:pt x="9546952" y="1022609"/>
                  <a:pt x="9546952" y="1040846"/>
                </a:cubicBezTo>
                <a:lnTo>
                  <a:pt x="9546952" y="1139767"/>
                </a:lnTo>
                <a:lnTo>
                  <a:pt x="9585052" y="1139767"/>
                </a:lnTo>
                <a:lnTo>
                  <a:pt x="9585052" y="1066967"/>
                </a:lnTo>
                <a:cubicBezTo>
                  <a:pt x="9585052" y="1047623"/>
                  <a:pt x="9603269" y="1022628"/>
                  <a:pt x="9622661" y="1022628"/>
                </a:cubicBezTo>
                <a:cubicBezTo>
                  <a:pt x="9640879" y="1022628"/>
                  <a:pt x="9641858" y="1037849"/>
                  <a:pt x="9641858" y="1062687"/>
                </a:cubicBezTo>
                <a:lnTo>
                  <a:pt x="9641858" y="1139767"/>
                </a:lnTo>
                <a:lnTo>
                  <a:pt x="9680055" y="1139767"/>
                </a:lnTo>
                <a:lnTo>
                  <a:pt x="9680055" y="1040866"/>
                </a:lnTo>
                <a:cubicBezTo>
                  <a:pt x="9680055" y="1013011"/>
                  <a:pt x="9664972" y="997682"/>
                  <a:pt x="9637647" y="997682"/>
                </a:cubicBezTo>
                <a:cubicBezTo>
                  <a:pt x="9616043" y="998193"/>
                  <a:pt x="9596200" y="1009718"/>
                  <a:pt x="9585052" y="1028230"/>
                </a:cubicBezTo>
                <a:close/>
                <a:moveTo>
                  <a:pt x="10204730" y="997212"/>
                </a:moveTo>
                <a:lnTo>
                  <a:pt x="10201596" y="997702"/>
                </a:lnTo>
                <a:lnTo>
                  <a:pt x="10140774" y="1007280"/>
                </a:lnTo>
                <a:lnTo>
                  <a:pt x="10140774" y="1017985"/>
                </a:lnTo>
                <a:lnTo>
                  <a:pt x="10143418" y="1017985"/>
                </a:lnTo>
                <a:cubicBezTo>
                  <a:pt x="10162713" y="1018544"/>
                  <a:pt x="10166631" y="1022412"/>
                  <a:pt x="10166631" y="1040845"/>
                </a:cubicBezTo>
                <a:lnTo>
                  <a:pt x="10166631" y="1139766"/>
                </a:lnTo>
                <a:lnTo>
                  <a:pt x="10204730" y="1139766"/>
                </a:lnTo>
                <a:lnTo>
                  <a:pt x="10204730" y="1068455"/>
                </a:lnTo>
                <a:cubicBezTo>
                  <a:pt x="10202786" y="1048275"/>
                  <a:pt x="10217569" y="1030340"/>
                  <a:pt x="10237749" y="1028396"/>
                </a:cubicBezTo>
                <a:cubicBezTo>
                  <a:pt x="10240025" y="1028176"/>
                  <a:pt x="10242316" y="1028170"/>
                  <a:pt x="10244592" y="1028377"/>
                </a:cubicBezTo>
                <a:cubicBezTo>
                  <a:pt x="10249094" y="1028635"/>
                  <a:pt x="10253541" y="1029494"/>
                  <a:pt x="10257815" y="1030933"/>
                </a:cubicBezTo>
                <a:lnTo>
                  <a:pt x="10263985" y="1032667"/>
                </a:lnTo>
                <a:lnTo>
                  <a:pt x="10263985" y="1029112"/>
                </a:lnTo>
                <a:lnTo>
                  <a:pt x="10263985" y="999484"/>
                </a:lnTo>
                <a:lnTo>
                  <a:pt x="10261732" y="999141"/>
                </a:lnTo>
                <a:cubicBezTo>
                  <a:pt x="10255737" y="998203"/>
                  <a:pt x="10249680" y="997715"/>
                  <a:pt x="10243613" y="997682"/>
                </a:cubicBezTo>
                <a:cubicBezTo>
                  <a:pt x="10226159" y="998411"/>
                  <a:pt x="10210840" y="1009523"/>
                  <a:pt x="10204730" y="1025889"/>
                </a:cubicBezTo>
                <a:close/>
                <a:moveTo>
                  <a:pt x="10548800" y="957712"/>
                </a:moveTo>
                <a:lnTo>
                  <a:pt x="10548800" y="1000943"/>
                </a:lnTo>
                <a:lnTo>
                  <a:pt x="10523237" y="1000943"/>
                </a:lnTo>
                <a:lnTo>
                  <a:pt x="10523237" y="1017828"/>
                </a:lnTo>
                <a:lnTo>
                  <a:pt x="10548800" y="1017828"/>
                </a:lnTo>
                <a:lnTo>
                  <a:pt x="10548800" y="1103283"/>
                </a:lnTo>
                <a:cubicBezTo>
                  <a:pt x="10548800" y="1140080"/>
                  <a:pt x="10572502" y="1143028"/>
                  <a:pt x="10601199" y="1143028"/>
                </a:cubicBezTo>
                <a:cubicBezTo>
                  <a:pt x="10608721" y="1142852"/>
                  <a:pt x="10616223" y="1142072"/>
                  <a:pt x="10623627" y="1140697"/>
                </a:cubicBezTo>
                <a:lnTo>
                  <a:pt x="10625880" y="1140364"/>
                </a:lnTo>
                <a:lnTo>
                  <a:pt x="10625880" y="1123146"/>
                </a:lnTo>
                <a:lnTo>
                  <a:pt x="10622648" y="1123880"/>
                </a:lnTo>
                <a:cubicBezTo>
                  <a:pt x="10618848" y="1124646"/>
                  <a:pt x="10614969" y="1125014"/>
                  <a:pt x="10611091" y="1124977"/>
                </a:cubicBezTo>
                <a:cubicBezTo>
                  <a:pt x="10588173" y="1124977"/>
                  <a:pt x="10586899" y="1118219"/>
                  <a:pt x="10586899" y="1098690"/>
                </a:cubicBezTo>
                <a:lnTo>
                  <a:pt x="10586899" y="1017809"/>
                </a:lnTo>
                <a:lnTo>
                  <a:pt x="10629798" y="1017809"/>
                </a:lnTo>
                <a:lnTo>
                  <a:pt x="10629798" y="1000923"/>
                </a:lnTo>
                <a:lnTo>
                  <a:pt x="10586899" y="1000923"/>
                </a:lnTo>
                <a:lnTo>
                  <a:pt x="10586899" y="957712"/>
                </a:lnTo>
                <a:close/>
                <a:moveTo>
                  <a:pt x="11683359" y="957623"/>
                </a:moveTo>
                <a:lnTo>
                  <a:pt x="11683359" y="1000923"/>
                </a:lnTo>
                <a:lnTo>
                  <a:pt x="11657796" y="1000923"/>
                </a:lnTo>
                <a:lnTo>
                  <a:pt x="11657796" y="1017808"/>
                </a:lnTo>
                <a:lnTo>
                  <a:pt x="11683359" y="1017808"/>
                </a:lnTo>
                <a:lnTo>
                  <a:pt x="11683359" y="1103263"/>
                </a:lnTo>
                <a:cubicBezTo>
                  <a:pt x="11683359" y="1140059"/>
                  <a:pt x="11707061" y="1143007"/>
                  <a:pt x="11735758" y="1143007"/>
                </a:cubicBezTo>
                <a:cubicBezTo>
                  <a:pt x="11743250" y="1142836"/>
                  <a:pt x="11750723" y="1142056"/>
                  <a:pt x="11758089" y="1140676"/>
                </a:cubicBezTo>
                <a:lnTo>
                  <a:pt x="11760439" y="1140343"/>
                </a:lnTo>
                <a:lnTo>
                  <a:pt x="11760439" y="1123145"/>
                </a:lnTo>
                <a:lnTo>
                  <a:pt x="11757109" y="1123879"/>
                </a:lnTo>
                <a:cubicBezTo>
                  <a:pt x="11753338" y="1124651"/>
                  <a:pt x="11749499" y="1125018"/>
                  <a:pt x="11745650" y="1124976"/>
                </a:cubicBezTo>
                <a:cubicBezTo>
                  <a:pt x="11722634" y="1124976"/>
                  <a:pt x="11721458" y="1118218"/>
                  <a:pt x="11721458" y="1098689"/>
                </a:cubicBezTo>
                <a:lnTo>
                  <a:pt x="11721458" y="1017808"/>
                </a:lnTo>
                <a:lnTo>
                  <a:pt x="11764357" y="1017808"/>
                </a:lnTo>
                <a:lnTo>
                  <a:pt x="11764357" y="1000923"/>
                </a:lnTo>
                <a:lnTo>
                  <a:pt x="11721458" y="1000923"/>
                </a:lnTo>
                <a:lnTo>
                  <a:pt x="11721458" y="957623"/>
                </a:lnTo>
                <a:close/>
                <a:moveTo>
                  <a:pt x="11073573" y="941062"/>
                </a:moveTo>
                <a:lnTo>
                  <a:pt x="11073573" y="952413"/>
                </a:lnTo>
                <a:lnTo>
                  <a:pt x="11081212" y="953686"/>
                </a:lnTo>
                <a:cubicBezTo>
                  <a:pt x="11104425" y="957603"/>
                  <a:pt x="11106384" y="957927"/>
                  <a:pt x="11106384" y="980541"/>
                </a:cubicBezTo>
                <a:lnTo>
                  <a:pt x="11106384" y="1139765"/>
                </a:lnTo>
                <a:lnTo>
                  <a:pt x="11147323" y="1139765"/>
                </a:lnTo>
                <a:lnTo>
                  <a:pt x="11147323" y="981708"/>
                </a:lnTo>
                <a:lnTo>
                  <a:pt x="11251827" y="1139765"/>
                </a:lnTo>
                <a:lnTo>
                  <a:pt x="11302267" y="1139765"/>
                </a:lnTo>
                <a:lnTo>
                  <a:pt x="11302267" y="941062"/>
                </a:lnTo>
                <a:lnTo>
                  <a:pt x="11299623" y="941062"/>
                </a:lnTo>
                <a:lnTo>
                  <a:pt x="11261328" y="941062"/>
                </a:lnTo>
                <a:lnTo>
                  <a:pt x="11261328" y="1091990"/>
                </a:lnTo>
                <a:cubicBezTo>
                  <a:pt x="11253492" y="1080022"/>
                  <a:pt x="11161721" y="941062"/>
                  <a:pt x="11161721" y="941062"/>
                </a:cubicBezTo>
                <a:close/>
                <a:moveTo>
                  <a:pt x="10085829" y="939103"/>
                </a:moveTo>
                <a:cubicBezTo>
                  <a:pt x="10074421" y="937731"/>
                  <a:pt x="10064062" y="945866"/>
                  <a:pt x="10062691" y="957273"/>
                </a:cubicBezTo>
                <a:cubicBezTo>
                  <a:pt x="10061319" y="968679"/>
                  <a:pt x="10069454" y="979039"/>
                  <a:pt x="10080861" y="980411"/>
                </a:cubicBezTo>
                <a:cubicBezTo>
                  <a:pt x="10082413" y="980598"/>
                  <a:pt x="10083981" y="980609"/>
                  <a:pt x="10085535" y="980444"/>
                </a:cubicBezTo>
                <a:lnTo>
                  <a:pt x="10085535" y="980415"/>
                </a:lnTo>
                <a:cubicBezTo>
                  <a:pt x="10097883" y="981196"/>
                  <a:pt x="10108570" y="971918"/>
                  <a:pt x="10109531" y="959583"/>
                </a:cubicBezTo>
                <a:cubicBezTo>
                  <a:pt x="10108536" y="947436"/>
                  <a:pt x="10097992" y="938325"/>
                  <a:pt x="10085829" y="939103"/>
                </a:cubicBezTo>
                <a:close/>
                <a:moveTo>
                  <a:pt x="9480646" y="937655"/>
                </a:moveTo>
                <a:lnTo>
                  <a:pt x="9477708" y="937919"/>
                </a:lnTo>
                <a:lnTo>
                  <a:pt x="9402293" y="944775"/>
                </a:lnTo>
                <a:lnTo>
                  <a:pt x="9402293" y="955931"/>
                </a:lnTo>
                <a:lnTo>
                  <a:pt x="9404644" y="956225"/>
                </a:lnTo>
                <a:cubicBezTo>
                  <a:pt x="9435006" y="959800"/>
                  <a:pt x="9435006" y="959800"/>
                  <a:pt x="9435006" y="981690"/>
                </a:cubicBezTo>
                <a:lnTo>
                  <a:pt x="9435006" y="1139748"/>
                </a:lnTo>
                <a:lnTo>
                  <a:pt x="9480646" y="1139748"/>
                </a:lnTo>
                <a:close/>
                <a:moveTo>
                  <a:pt x="10710404" y="932962"/>
                </a:moveTo>
                <a:lnTo>
                  <a:pt x="10707368" y="933364"/>
                </a:lnTo>
                <a:lnTo>
                  <a:pt x="10646644" y="940827"/>
                </a:lnTo>
                <a:lnTo>
                  <a:pt x="10646644" y="951600"/>
                </a:lnTo>
                <a:lnTo>
                  <a:pt x="10649288" y="951688"/>
                </a:lnTo>
                <a:cubicBezTo>
                  <a:pt x="10668191" y="952531"/>
                  <a:pt x="10672207" y="956683"/>
                  <a:pt x="10672207" y="975146"/>
                </a:cubicBezTo>
                <a:lnTo>
                  <a:pt x="10672207" y="1139766"/>
                </a:lnTo>
                <a:lnTo>
                  <a:pt x="10710404" y="1139766"/>
                </a:lnTo>
                <a:lnTo>
                  <a:pt x="10710404" y="1068719"/>
                </a:lnTo>
                <a:cubicBezTo>
                  <a:pt x="10710404" y="1042755"/>
                  <a:pt x="10729699" y="1022628"/>
                  <a:pt x="10746251" y="1022628"/>
                </a:cubicBezTo>
                <a:cubicBezTo>
                  <a:pt x="10767504" y="1022628"/>
                  <a:pt x="10767504" y="1038553"/>
                  <a:pt x="10767504" y="1052657"/>
                </a:cubicBezTo>
                <a:lnTo>
                  <a:pt x="10767504" y="1139766"/>
                </a:lnTo>
                <a:lnTo>
                  <a:pt x="10805604" y="1139766"/>
                </a:lnTo>
                <a:lnTo>
                  <a:pt x="10805604" y="1048347"/>
                </a:lnTo>
                <a:cubicBezTo>
                  <a:pt x="10805604" y="1033157"/>
                  <a:pt x="10805604" y="997682"/>
                  <a:pt x="10762705" y="997682"/>
                </a:cubicBezTo>
                <a:cubicBezTo>
                  <a:pt x="10741089" y="997754"/>
                  <a:pt x="10721158" y="1009345"/>
                  <a:pt x="10710404" y="1028093"/>
                </a:cubicBezTo>
                <a:close/>
                <a:moveTo>
                  <a:pt x="11691292" y="901218"/>
                </a:moveTo>
                <a:lnTo>
                  <a:pt x="11642419" y="957691"/>
                </a:lnTo>
                <a:lnTo>
                  <a:pt x="11682771" y="957691"/>
                </a:lnTo>
                <a:lnTo>
                  <a:pt x="11731644" y="901218"/>
                </a:lnTo>
                <a:close/>
                <a:moveTo>
                  <a:pt x="10547331" y="583241"/>
                </a:moveTo>
                <a:lnTo>
                  <a:pt x="10606292" y="728608"/>
                </a:lnTo>
                <a:lnTo>
                  <a:pt x="10488370" y="728608"/>
                </a:lnTo>
                <a:close/>
                <a:moveTo>
                  <a:pt x="11138508" y="528864"/>
                </a:moveTo>
                <a:cubicBezTo>
                  <a:pt x="11138998" y="528864"/>
                  <a:pt x="11138508" y="848508"/>
                  <a:pt x="11138508" y="848508"/>
                </a:cubicBezTo>
                <a:lnTo>
                  <a:pt x="11223130" y="848508"/>
                </a:lnTo>
                <a:cubicBezTo>
                  <a:pt x="11223130" y="848596"/>
                  <a:pt x="11223228" y="708373"/>
                  <a:pt x="11223130" y="707844"/>
                </a:cubicBezTo>
                <a:cubicBezTo>
                  <a:pt x="11223130" y="707844"/>
                  <a:pt x="11394136" y="708236"/>
                  <a:pt x="11394136" y="707844"/>
                </a:cubicBezTo>
                <a:lnTo>
                  <a:pt x="11394136" y="848508"/>
                </a:lnTo>
                <a:cubicBezTo>
                  <a:pt x="11394234" y="848508"/>
                  <a:pt x="11478758" y="848508"/>
                  <a:pt x="11478856" y="848508"/>
                </a:cubicBezTo>
                <a:cubicBezTo>
                  <a:pt x="11479150" y="848156"/>
                  <a:pt x="11478856" y="528864"/>
                  <a:pt x="11478856" y="528864"/>
                </a:cubicBezTo>
                <a:cubicBezTo>
                  <a:pt x="11477974" y="528864"/>
                  <a:pt x="11394038" y="528864"/>
                  <a:pt x="11394136" y="528864"/>
                </a:cubicBezTo>
                <a:cubicBezTo>
                  <a:pt x="11394038" y="528835"/>
                  <a:pt x="11394136" y="657149"/>
                  <a:pt x="11394136" y="656678"/>
                </a:cubicBezTo>
                <a:lnTo>
                  <a:pt x="11223130" y="656678"/>
                </a:lnTo>
                <a:lnTo>
                  <a:pt x="11223130" y="528864"/>
                </a:lnTo>
                <a:close/>
                <a:moveTo>
                  <a:pt x="10075937" y="528864"/>
                </a:moveTo>
                <a:cubicBezTo>
                  <a:pt x="10076133" y="528933"/>
                  <a:pt x="10075937" y="583241"/>
                  <a:pt x="10075937" y="583241"/>
                </a:cubicBezTo>
                <a:lnTo>
                  <a:pt x="10205416" y="583241"/>
                </a:lnTo>
                <a:lnTo>
                  <a:pt x="10205416" y="848508"/>
                </a:lnTo>
                <a:lnTo>
                  <a:pt x="10290038" y="848508"/>
                </a:lnTo>
                <a:lnTo>
                  <a:pt x="10290038" y="583241"/>
                </a:lnTo>
                <a:lnTo>
                  <a:pt x="10419517" y="583241"/>
                </a:lnTo>
                <a:lnTo>
                  <a:pt x="10419517" y="528864"/>
                </a:lnTo>
                <a:cubicBezTo>
                  <a:pt x="10419517" y="528864"/>
                  <a:pt x="10076133" y="528933"/>
                  <a:pt x="10075937" y="528864"/>
                </a:cubicBezTo>
                <a:close/>
                <a:moveTo>
                  <a:pt x="10495421" y="528864"/>
                </a:moveTo>
                <a:lnTo>
                  <a:pt x="10346060" y="848508"/>
                </a:lnTo>
                <a:cubicBezTo>
                  <a:pt x="10346060" y="848508"/>
                  <a:pt x="10440378" y="848596"/>
                  <a:pt x="10440280" y="848508"/>
                </a:cubicBezTo>
                <a:cubicBezTo>
                  <a:pt x="10440672" y="848596"/>
                  <a:pt x="10467998" y="779773"/>
                  <a:pt x="10467998" y="779773"/>
                </a:cubicBezTo>
                <a:lnTo>
                  <a:pt x="10626663" y="779773"/>
                </a:lnTo>
                <a:cubicBezTo>
                  <a:pt x="10626663" y="779773"/>
                  <a:pt x="10654479" y="848508"/>
                  <a:pt x="10654381" y="848508"/>
                </a:cubicBezTo>
                <a:cubicBezTo>
                  <a:pt x="10653793" y="848508"/>
                  <a:pt x="10748895" y="848508"/>
                  <a:pt x="10748699" y="848508"/>
                </a:cubicBezTo>
                <a:lnTo>
                  <a:pt x="10599240" y="528864"/>
                </a:lnTo>
                <a:cubicBezTo>
                  <a:pt x="10599240" y="528864"/>
                  <a:pt x="10495421" y="529060"/>
                  <a:pt x="10495421" y="528864"/>
                </a:cubicBezTo>
                <a:close/>
                <a:moveTo>
                  <a:pt x="11545848" y="528864"/>
                </a:moveTo>
                <a:lnTo>
                  <a:pt x="11545848" y="848508"/>
                </a:lnTo>
                <a:lnTo>
                  <a:pt x="11630666" y="848508"/>
                </a:lnTo>
                <a:lnTo>
                  <a:pt x="11630666" y="528864"/>
                </a:lnTo>
                <a:close/>
                <a:moveTo>
                  <a:pt x="9553515" y="528864"/>
                </a:moveTo>
                <a:cubicBezTo>
                  <a:pt x="9554005" y="528864"/>
                  <a:pt x="9553515" y="848508"/>
                  <a:pt x="9553515" y="848508"/>
                </a:cubicBezTo>
                <a:lnTo>
                  <a:pt x="9638235" y="848508"/>
                </a:lnTo>
                <a:cubicBezTo>
                  <a:pt x="9638137" y="848596"/>
                  <a:pt x="9638333" y="708372"/>
                  <a:pt x="9638235" y="707844"/>
                </a:cubicBezTo>
                <a:cubicBezTo>
                  <a:pt x="9638235" y="707844"/>
                  <a:pt x="9809143" y="708235"/>
                  <a:pt x="9809143" y="707844"/>
                </a:cubicBezTo>
                <a:lnTo>
                  <a:pt x="9809143" y="848508"/>
                </a:lnTo>
                <a:cubicBezTo>
                  <a:pt x="9809241" y="848508"/>
                  <a:pt x="9893765" y="848508"/>
                  <a:pt x="9893863" y="848508"/>
                </a:cubicBezTo>
                <a:cubicBezTo>
                  <a:pt x="9894157" y="848156"/>
                  <a:pt x="9893863" y="528864"/>
                  <a:pt x="9893863" y="528864"/>
                </a:cubicBezTo>
                <a:cubicBezTo>
                  <a:pt x="9892982" y="528864"/>
                  <a:pt x="9809045" y="528864"/>
                  <a:pt x="9809143" y="528864"/>
                </a:cubicBezTo>
                <a:cubicBezTo>
                  <a:pt x="9809045" y="528835"/>
                  <a:pt x="9809143" y="657149"/>
                  <a:pt x="9809143" y="656678"/>
                </a:cubicBezTo>
                <a:lnTo>
                  <a:pt x="9638235" y="656678"/>
                </a:lnTo>
                <a:cubicBezTo>
                  <a:pt x="9638137" y="657589"/>
                  <a:pt x="9638235" y="528864"/>
                  <a:pt x="9638235" y="528864"/>
                </a:cubicBezTo>
                <a:close/>
                <a:moveTo>
                  <a:pt x="9960953" y="528864"/>
                </a:moveTo>
                <a:lnTo>
                  <a:pt x="9960953" y="848508"/>
                </a:lnTo>
                <a:lnTo>
                  <a:pt x="10045673" y="848508"/>
                </a:lnTo>
                <a:lnTo>
                  <a:pt x="10045673" y="528864"/>
                </a:lnTo>
                <a:close/>
                <a:moveTo>
                  <a:pt x="10929795" y="520972"/>
                </a:moveTo>
                <a:cubicBezTo>
                  <a:pt x="10895705" y="520037"/>
                  <a:pt x="10861435" y="525663"/>
                  <a:pt x="10828914" y="537904"/>
                </a:cubicBezTo>
                <a:cubicBezTo>
                  <a:pt x="10798464" y="549314"/>
                  <a:pt x="10772823" y="570783"/>
                  <a:pt x="10756241" y="598756"/>
                </a:cubicBezTo>
                <a:cubicBezTo>
                  <a:pt x="10740717" y="627243"/>
                  <a:pt x="10733146" y="659380"/>
                  <a:pt x="10734302" y="691800"/>
                </a:cubicBezTo>
                <a:cubicBezTo>
                  <a:pt x="10734233" y="714967"/>
                  <a:pt x="10738073" y="737980"/>
                  <a:pt x="10745663" y="759871"/>
                </a:cubicBezTo>
                <a:lnTo>
                  <a:pt x="10745663" y="759880"/>
                </a:lnTo>
                <a:cubicBezTo>
                  <a:pt x="10761403" y="800341"/>
                  <a:pt x="10795124" y="831133"/>
                  <a:pt x="10836847" y="843130"/>
                </a:cubicBezTo>
                <a:cubicBezTo>
                  <a:pt x="10864672" y="851890"/>
                  <a:pt x="10893673" y="856355"/>
                  <a:pt x="10922840" y="856372"/>
                </a:cubicBezTo>
                <a:cubicBezTo>
                  <a:pt x="10960234" y="856306"/>
                  <a:pt x="10997237" y="848747"/>
                  <a:pt x="11031654" y="834140"/>
                </a:cubicBezTo>
                <a:cubicBezTo>
                  <a:pt x="11061389" y="821282"/>
                  <a:pt x="11083318" y="795144"/>
                  <a:pt x="11090810" y="763621"/>
                </a:cubicBezTo>
                <a:cubicBezTo>
                  <a:pt x="11093210" y="753680"/>
                  <a:pt x="11094650" y="743533"/>
                  <a:pt x="11095120" y="733318"/>
                </a:cubicBezTo>
                <a:lnTo>
                  <a:pt x="11005895" y="733318"/>
                </a:lnTo>
                <a:cubicBezTo>
                  <a:pt x="11005993" y="745104"/>
                  <a:pt x="11003623" y="756780"/>
                  <a:pt x="10998941" y="767598"/>
                </a:cubicBezTo>
                <a:cubicBezTo>
                  <a:pt x="10991918" y="783450"/>
                  <a:pt x="10978442" y="795534"/>
                  <a:pt x="10961919" y="800790"/>
                </a:cubicBezTo>
                <a:cubicBezTo>
                  <a:pt x="10949294" y="804866"/>
                  <a:pt x="10936101" y="806919"/>
                  <a:pt x="10922840" y="806873"/>
                </a:cubicBezTo>
                <a:cubicBezTo>
                  <a:pt x="10907307" y="806833"/>
                  <a:pt x="10891910" y="803983"/>
                  <a:pt x="10877395" y="798460"/>
                </a:cubicBezTo>
                <a:cubicBezTo>
                  <a:pt x="10854849" y="789938"/>
                  <a:pt x="10837689" y="771214"/>
                  <a:pt x="10831167" y="748009"/>
                </a:cubicBezTo>
                <a:cubicBezTo>
                  <a:pt x="10825907" y="729738"/>
                  <a:pt x="10823175" y="710832"/>
                  <a:pt x="10823037" y="691820"/>
                </a:cubicBezTo>
                <a:cubicBezTo>
                  <a:pt x="10823086" y="668907"/>
                  <a:pt x="10826994" y="646167"/>
                  <a:pt x="10834595" y="624553"/>
                </a:cubicBezTo>
                <a:cubicBezTo>
                  <a:pt x="10842165" y="602725"/>
                  <a:pt x="10859188" y="585486"/>
                  <a:pt x="10880921" y="577649"/>
                </a:cubicBezTo>
                <a:cubicBezTo>
                  <a:pt x="10894378" y="572858"/>
                  <a:pt x="10908560" y="570417"/>
                  <a:pt x="10922840" y="570431"/>
                </a:cubicBezTo>
                <a:cubicBezTo>
                  <a:pt x="10935387" y="570428"/>
                  <a:pt x="10947864" y="572293"/>
                  <a:pt x="10959862" y="575964"/>
                </a:cubicBezTo>
                <a:cubicBezTo>
                  <a:pt x="10978118" y="581479"/>
                  <a:pt x="10992800" y="595124"/>
                  <a:pt x="10999627" y="612928"/>
                </a:cubicBezTo>
                <a:cubicBezTo>
                  <a:pt x="11002506" y="620816"/>
                  <a:pt x="11004063" y="629125"/>
                  <a:pt x="11004230" y="637521"/>
                </a:cubicBezTo>
                <a:lnTo>
                  <a:pt x="11093063" y="637521"/>
                </a:lnTo>
                <a:cubicBezTo>
                  <a:pt x="11092456" y="630719"/>
                  <a:pt x="11091437" y="623958"/>
                  <a:pt x="11090027" y="617276"/>
                </a:cubicBezTo>
                <a:cubicBezTo>
                  <a:pt x="11083112" y="584284"/>
                  <a:pt x="11060566" y="556724"/>
                  <a:pt x="11029597" y="543409"/>
                </a:cubicBezTo>
                <a:cubicBezTo>
                  <a:pt x="10997795" y="529404"/>
                  <a:pt x="10963885" y="521907"/>
                  <a:pt x="10929795" y="520972"/>
                </a:cubicBezTo>
                <a:close/>
                <a:moveTo>
                  <a:pt x="0" y="0"/>
                </a:moveTo>
                <a:lnTo>
                  <a:pt x="12193196" y="0"/>
                </a:lnTo>
                <a:lnTo>
                  <a:pt x="12193196" y="4738686"/>
                </a:lnTo>
                <a:lnTo>
                  <a:pt x="0" y="4738686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  <a:ln>
            <a:solidFill>
              <a:schemeClr val="bg1">
                <a:alpha val="0"/>
              </a:schemeClr>
            </a:solidFill>
          </a:ln>
        </p:spPr>
        <p:txBody>
          <a:bodyPr wrap="square" tIns="684000" anchor="ctr">
            <a:noAutofit/>
          </a:bodyPr>
          <a:lstStyle>
            <a:lvl1pPr algn="ctr">
              <a:defRPr sz="1800"/>
            </a:lvl1pPr>
          </a:lstStyle>
          <a:p>
            <a:r>
              <a:rPr lang="en-GB" dirty="0"/>
              <a:t> </a:t>
            </a:r>
          </a:p>
        </p:txBody>
      </p:sp>
      <p:grpSp>
        <p:nvGrpSpPr>
          <p:cNvPr id="16" name="グループ化 39">
            <a:extLst>
              <a:ext uri="{FF2B5EF4-FFF2-40B4-BE49-F238E27FC236}">
                <a16:creationId xmlns:a16="http://schemas.microsoft.com/office/drawing/2014/main" id="{6809A62B-C3B4-4040-AF1D-DC2BF3BDB821}"/>
              </a:ext>
            </a:extLst>
          </p:cNvPr>
          <p:cNvGrpSpPr/>
          <p:nvPr/>
        </p:nvGrpSpPr>
        <p:grpSpPr bwMode="gray">
          <a:xfrm>
            <a:off x="0" y="4739176"/>
            <a:ext cx="12192000" cy="129984"/>
            <a:chOff x="324487" y="2057426"/>
            <a:chExt cx="8495663" cy="97488"/>
          </a:xfrm>
        </p:grpSpPr>
        <p:sp>
          <p:nvSpPr>
            <p:cNvPr id="17" name="正方形/長方形 11">
              <a:extLst>
                <a:ext uri="{FF2B5EF4-FFF2-40B4-BE49-F238E27FC236}">
                  <a16:creationId xmlns:a16="http://schemas.microsoft.com/office/drawing/2014/main" id="{DE7BDB25-5A30-4A34-ABFC-B07249D3BFFA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324489" y="2057426"/>
              <a:ext cx="849566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GB" altLang="ja-JP" sz="4623" dirty="0"/>
            </a:p>
          </p:txBody>
        </p:sp>
        <p:grpSp>
          <p:nvGrpSpPr>
            <p:cNvPr id="18" name="グループ化 16">
              <a:extLst>
                <a:ext uri="{FF2B5EF4-FFF2-40B4-BE49-F238E27FC236}">
                  <a16:creationId xmlns:a16="http://schemas.microsoft.com/office/drawing/2014/main" id="{74096499-38D4-462C-8826-1DB8FC711C1A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38812" cy="97488"/>
              <a:chOff x="312738" y="2747963"/>
              <a:chExt cx="1970087" cy="109537"/>
            </a:xfrm>
          </p:grpSpPr>
          <p:sp>
            <p:nvSpPr>
              <p:cNvPr id="19" name="正方形/長方形 42">
                <a:extLst>
                  <a:ext uri="{FF2B5EF4-FFF2-40B4-BE49-F238E27FC236}">
                    <a16:creationId xmlns:a16="http://schemas.microsoft.com/office/drawing/2014/main" id="{177D7250-BABC-4571-82D6-043E996D9DB0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0087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20" name="正方形/長方形 43">
                <a:extLst>
                  <a:ext uri="{FF2B5EF4-FFF2-40B4-BE49-F238E27FC236}">
                    <a16:creationId xmlns:a16="http://schemas.microsoft.com/office/drawing/2014/main" id="{BFDA5A74-11DA-4E7F-9508-F12960D3B74E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985837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GB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5E85F302-37F9-404E-AEBD-A43A98EF1D7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378800" y="6544105"/>
            <a:ext cx="2876400" cy="154800"/>
          </a:xfrm>
        </p:spPr>
        <p:txBody>
          <a:bodyPr tIns="0" anchor="ctr"/>
          <a:lstStyle>
            <a:lvl1pPr>
              <a:defRPr sz="900">
                <a:latin typeface="+mn-lt"/>
                <a:cs typeface="Arial" panose="020B0604020202020204" pitchFamily="34" charset="0"/>
              </a:defRPr>
            </a:lvl1pPr>
            <a:lvl2pPr>
              <a:defRPr sz="930"/>
            </a:lvl2pPr>
            <a:lvl3pPr>
              <a:defRPr sz="930"/>
            </a:lvl3pPr>
            <a:lvl4pPr>
              <a:defRPr sz="930"/>
            </a:lvl4pPr>
            <a:lvl5pPr>
              <a:defRPr sz="930"/>
            </a:lvl5pPr>
          </a:lstStyle>
          <a:p>
            <a:pPr lvl="0"/>
            <a:r>
              <a:rPr lang="en-GB" dirty="0"/>
              <a:t>YYYY-MM-DD</a:t>
            </a:r>
          </a:p>
        </p:txBody>
      </p:sp>
      <p:pic>
        <p:nvPicPr>
          <p:cNvPr id="47" name="Picture 46">
            <a:extLst>
              <a:ext uri="{FF2B5EF4-FFF2-40B4-BE49-F238E27FC236}">
                <a16:creationId xmlns:a16="http://schemas.microsoft.com/office/drawing/2014/main" id="{45CD5763-FDAA-489C-8FC1-2E600BB2FC9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99330" y="6370483"/>
            <a:ext cx="2663370" cy="363891"/>
          </a:xfrm>
          <a:prstGeom prst="rect">
            <a:avLst/>
          </a:prstGeom>
        </p:spPr>
      </p:pic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id="{F228D1DE-D36C-4E9B-BD91-2341FC0B7E0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24" name="Public" hidden="1">
            <a:extLst>
              <a:ext uri="{FF2B5EF4-FFF2-40B4-BE49-F238E27FC236}">
                <a16:creationId xmlns:a16="http://schemas.microsoft.com/office/drawing/2014/main" id="{335E045B-8C20-4063-A4AC-CE1126B6A6B5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25" name="Internal">
            <a:extLst>
              <a:ext uri="{FF2B5EF4-FFF2-40B4-BE49-F238E27FC236}">
                <a16:creationId xmlns:a16="http://schemas.microsoft.com/office/drawing/2014/main" id="{CFAE1106-3574-4FE9-B82F-D12EAEB197C5}"/>
              </a:ext>
            </a:extLst>
          </p:cNvPr>
          <p:cNvPicPr>
            <a:picLocks noChangeAspect="1"/>
          </p:cNvPicPr>
          <p:nvPr userDrawn="1"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id="{C9A12DA8-BB00-43A2-B6FC-35D89D95C927}"/>
              </a:ext>
            </a:extLst>
          </p:cNvPr>
          <p:cNvPicPr>
            <a:picLocks noChangeAspect="1"/>
          </p:cNvPicPr>
          <p:nvPr userDrawn="1"/>
        </p:nvPicPr>
        <p:blipFill>
          <a:blip r:embed="rId10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  <p:sp>
        <p:nvSpPr>
          <p:cNvPr id="2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9448B801-F420-43A0-9080-0D134B0120DD}"/>
              </a:ext>
            </a:extLst>
          </p:cNvPr>
          <p:cNvSpPr txBox="1"/>
          <p:nvPr userDrawn="1"/>
        </p:nvSpPr>
        <p:spPr bwMode="gray">
          <a:xfrm>
            <a:off x="4856400" y="6540775"/>
            <a:ext cx="2484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ct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17DA52BE-4641-459B-967D-8AA31C2640A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68000" y="5090400"/>
            <a:ext cx="10555200" cy="493200"/>
          </a:xfrm>
        </p:spPr>
        <p:txBody>
          <a:bodyPr anchor="t"/>
          <a:lstStyle>
            <a:lvl1pPr algn="l">
              <a:lnSpc>
                <a:spcPct val="100000"/>
              </a:lnSpc>
              <a:defRPr sz="2800" b="1">
                <a:solidFill>
                  <a:schemeClr val="tx1"/>
                </a:solidFill>
              </a:defRPr>
            </a:lvl1pPr>
          </a:lstStyle>
          <a:p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D0A8CE9F-7AA3-4C60-B5E5-71B02642F51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78800" y="5583600"/>
            <a:ext cx="10555200" cy="327600"/>
          </a:xfrm>
        </p:spPr>
        <p:txBody>
          <a:bodyPr tIns="0"/>
          <a:lstStyle>
            <a:lvl1pPr marL="0" indent="0" algn="l">
              <a:buNone/>
              <a:defRPr sz="20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Subtitle</a:t>
            </a:r>
          </a:p>
        </p:txBody>
      </p:sp>
      <p:sp>
        <p:nvSpPr>
          <p:cNvPr id="30" name="Text Placeholder 6">
            <a:extLst>
              <a:ext uri="{FF2B5EF4-FFF2-40B4-BE49-F238E27FC236}">
                <a16:creationId xmlns:a16="http://schemas.microsoft.com/office/drawing/2014/main" id="{90B9AC15-7C17-4A5A-B8D0-D72EA236DEB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378800" y="5972400"/>
            <a:ext cx="10555200" cy="306000"/>
          </a:xfrm>
        </p:spPr>
        <p:txBody>
          <a:bodyPr tIns="0"/>
          <a:lstStyle>
            <a:lvl1pPr>
              <a:defRPr>
                <a:latin typeface="Arial Nova Light" panose="020B0304020202020204" pitchFamily="34" charset="0"/>
              </a:defRPr>
            </a:lvl1pPr>
          </a:lstStyle>
          <a:p>
            <a:pPr lvl="0"/>
            <a:r>
              <a:rPr lang="pl-PL" dirty="0" err="1"/>
              <a:t>Click</a:t>
            </a:r>
            <a:r>
              <a:rPr lang="pl-PL" dirty="0"/>
              <a:t> to insert </a:t>
            </a:r>
            <a:r>
              <a:rPr lang="en-GB" dirty="0"/>
              <a:t>Additional information</a:t>
            </a:r>
          </a:p>
        </p:txBody>
      </p:sp>
    </p:spTree>
    <p:extLst>
      <p:ext uri="{BB962C8B-B14F-4D97-AF65-F5344CB8AC3E}">
        <p14:creationId xmlns:p14="http://schemas.microsoft.com/office/powerpoint/2010/main" val="3669619329"/>
      </p:ext>
    </p:extLst>
  </p:cSld>
  <p:clrMapOvr>
    <a:masterClrMapping/>
  </p:clrMapOvr>
  <p:hf hdr="0" dt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o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9C16456-FE9E-4734-9723-6DE7B04520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5">
            <a:extLst>
              <a:ext uri="{FF2B5EF4-FFF2-40B4-BE49-F238E27FC236}">
                <a16:creationId xmlns:a16="http://schemas.microsoft.com/office/drawing/2014/main" id="{7B611BD5-0B57-4CA8-A139-3E97653CBA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914276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8">
            <a:extLst>
              <a:ext uri="{FF2B5EF4-FFF2-40B4-BE49-F238E27FC236}">
                <a16:creationId xmlns:a16="http://schemas.microsoft.com/office/drawing/2014/main" id="{6F615568-8BB1-4119-9F0E-EB669FFD48CE}"/>
              </a:ext>
            </a:extLst>
          </p:cNvPr>
          <p:cNvSpPr>
            <a:spLocks noGrp="1"/>
          </p:cNvSpPr>
          <p:nvPr>
            <p:ph sz="quarter" idx="21"/>
          </p:nvPr>
        </p:nvSpPr>
        <p:spPr bwMode="gray">
          <a:xfrm>
            <a:off x="263525" y="1376363"/>
            <a:ext cx="11664950" cy="4968875"/>
          </a:xfrm>
        </p:spPr>
        <p:txBody>
          <a:bodyPr lIns="0" tIns="0" r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2B33F7BB-2950-4BC1-A9AA-52FECA7F76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4273D22-2B71-43EB-9519-018E5129B9DB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id="{89CE1754-1F54-4839-94DA-AD4A33133F3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06305291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54091EA-6C3E-4A95-92A1-B050758AD4C9}"/>
              </a:ext>
            </a:extLst>
          </p:cNvPr>
          <p:cNvSpPr>
            <a:spLocks noGrp="1"/>
          </p:cNvSpPr>
          <p:nvPr>
            <p:ph sz="quarter" idx="21"/>
          </p:nvPr>
        </p:nvSpPr>
        <p:spPr bwMode="gray">
          <a:xfrm>
            <a:off x="263525" y="1376363"/>
            <a:ext cx="11664950" cy="4218539"/>
          </a:xfrm>
        </p:spPr>
        <p:txBody>
          <a:bodyPr lIns="0" tIns="0" r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742BE3E5-C35B-483A-9FF2-1492C28E74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C2C57A89-9255-4D37-ADA0-58485848A93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BD2446E-4DC7-46DC-98FB-E33D66E8C9AB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id="{9799882D-C0FB-4C73-BF2A-0ABD77587A6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9538531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54091EA-6C3E-4A95-92A1-B050758AD4C9}"/>
              </a:ext>
            </a:extLst>
          </p:cNvPr>
          <p:cNvSpPr>
            <a:spLocks noGrp="1"/>
          </p:cNvSpPr>
          <p:nvPr>
            <p:ph sz="quarter" idx="21"/>
          </p:nvPr>
        </p:nvSpPr>
        <p:spPr bwMode="gray">
          <a:xfrm>
            <a:off x="263525" y="1376363"/>
            <a:ext cx="11664950" cy="4218539"/>
          </a:xfrm>
        </p:spPr>
        <p:txBody>
          <a:bodyPr lIns="0" tIns="0" r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742BE3E5-C35B-483A-9FF2-1492C28E74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C2C57A89-9255-4D37-ADA0-58485848A93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BD2446E-4DC7-46DC-98FB-E33D66E8C9AB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id="{BE26394E-29D1-46B5-A21E-BF86016C738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4906661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FAC527E1-CBF6-43CE-BCF3-6359E433CFD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76363"/>
            <a:ext cx="1166495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6D6E47E2-CFF9-4929-BE9D-85365E9413F8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5" y="1747582"/>
            <a:ext cx="11664950" cy="45976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3EB01191-2991-470F-8717-A3BD9DDF0C5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F7F699F-3B60-46E9-AA33-C172BE854E97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Footer Placeholder 5">
            <a:extLst>
              <a:ext uri="{FF2B5EF4-FFF2-40B4-BE49-F238E27FC236}">
                <a16:creationId xmlns:a16="http://schemas.microsoft.com/office/drawing/2014/main" id="{8B89303D-F0F4-4868-B2FB-176EF061F56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5776727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FAC527E1-CBF6-43CE-BCF3-6359E433CFD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76385"/>
            <a:ext cx="1166495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6D6E47E2-CFF9-4929-BE9D-85365E9413F8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5" y="1747603"/>
            <a:ext cx="11664950" cy="391364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AABAAD68-8B16-486F-BAEC-5ACAD86B61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F10F195E-83B2-41A2-8F36-04F29336C2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D44020-1EE9-4779-A3A0-FDAC3082CD89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11604466-CE56-4CD2-A4BA-7D4C6E32820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6214801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FAC527E1-CBF6-43CE-BCF3-6359E433CFD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76385"/>
            <a:ext cx="1166495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6D6E47E2-CFF9-4929-BE9D-85365E9413F8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5" y="1747603"/>
            <a:ext cx="11664950" cy="391364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AABAAD68-8B16-486F-BAEC-5ACAD86B61E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F10F195E-83B2-41A2-8F36-04F29336C2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D44020-1EE9-4779-A3A0-FDAC3082CD89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F79DE625-41DA-4423-BE37-91C80B7345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6556833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77CF11F9-392A-4F9A-A9E9-90FDCBED0EA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684B176C-259C-4283-A8C6-335BD6553B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311571" y="1376363"/>
            <a:ext cx="56052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Content Placeholder 3">
            <a:extLst>
              <a:ext uri="{FF2B5EF4-FFF2-40B4-BE49-F238E27FC236}">
                <a16:creationId xmlns:a16="http://schemas.microsoft.com/office/drawing/2014/main" id="{2EE9DBAB-CFE0-42C2-B2D3-65B2D93F8BB9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6310511" y="1747582"/>
            <a:ext cx="5616503" cy="45976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5CDF3E76-DB43-4E8F-87C4-29ECB443862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5615515" cy="45976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8E51AC65-A913-4EDC-BBFD-A07E0F9705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9617785-5434-47A5-8365-A50D531B22F7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5">
            <a:extLst>
              <a:ext uri="{FF2B5EF4-FFF2-40B4-BE49-F238E27FC236}">
                <a16:creationId xmlns:a16="http://schemas.microsoft.com/office/drawing/2014/main" id="{14CAA2AD-7038-4798-953A-8C36409E370F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1759733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BE773D7E-8737-4549-BA6F-9CD12F2D24F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7F36FFC0-2B26-4B6E-81E9-87E8914B4DE9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311571" y="1376363"/>
            <a:ext cx="56052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CB0DE72E-A072-4713-B9D3-7CF3F972BD71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6310511" y="1747582"/>
            <a:ext cx="5616503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06D04365-BF08-447A-9A64-A43CDFB2EB5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5615515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EA4E27D0-DBD6-427E-9C38-152E21795D9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1" name="Title 1">
            <a:extLst>
              <a:ext uri="{FF2B5EF4-FFF2-40B4-BE49-F238E27FC236}">
                <a16:creationId xmlns:a16="http://schemas.microsoft.com/office/drawing/2014/main" id="{60F44204-EEB3-4F01-B49E-2A16F4D8A8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8C3FCE9-6C86-484F-A6C3-F0020F94E2ED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274928C5-A623-4A7C-BAC2-D3FFD62953C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31204694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&amp; Box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BE773D7E-8737-4549-BA6F-9CD12F2D24F5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561551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7F36FFC0-2B26-4B6E-81E9-87E8914B4DE9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311571" y="1376363"/>
            <a:ext cx="5605200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CB0DE72E-A072-4713-B9D3-7CF3F972BD71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6310511" y="1747582"/>
            <a:ext cx="5616503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06D04365-BF08-447A-9A64-A43CDFB2EB55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5615515" cy="384732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EA4E27D0-DBD6-427E-9C38-152E21795D9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chemeClr val="tx2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bg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1" name="Title 1">
            <a:extLst>
              <a:ext uri="{FF2B5EF4-FFF2-40B4-BE49-F238E27FC236}">
                <a16:creationId xmlns:a16="http://schemas.microsoft.com/office/drawing/2014/main" id="{60F44204-EEB3-4F01-B49E-2A16F4D8A8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8C3FCE9-6C86-484F-A6C3-F0020F94E2ED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4381DB3D-7433-47D1-AC50-4E4DF78DAB8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726478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1.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グループ化 39">
            <a:extLst>
              <a:ext uri="{FF2B5EF4-FFF2-40B4-BE49-F238E27FC236}">
                <a16:creationId xmlns:a16="http://schemas.microsoft.com/office/drawing/2014/main" id="{B3FFABD1-269F-4846-BFA7-64B93DCEC6FF}"/>
              </a:ext>
            </a:extLst>
          </p:cNvPr>
          <p:cNvGrpSpPr/>
          <p:nvPr userDrawn="1"/>
        </p:nvGrpSpPr>
        <p:grpSpPr bwMode="gray">
          <a:xfrm>
            <a:off x="0" y="2708310"/>
            <a:ext cx="12193203" cy="131544"/>
            <a:chOff x="324487" y="2057426"/>
            <a:chExt cx="8104303" cy="97488"/>
          </a:xfrm>
        </p:grpSpPr>
        <p:sp>
          <p:nvSpPr>
            <p:cNvPr id="9" name="正方形/長方形 11">
              <a:extLst>
                <a:ext uri="{FF2B5EF4-FFF2-40B4-BE49-F238E27FC236}">
                  <a16:creationId xmlns:a16="http://schemas.microsoft.com/office/drawing/2014/main" id="{4E3F898B-5217-45A3-AF93-4EDA063B5749}"/>
                </a:ext>
              </a:extLst>
            </p:cNvPr>
            <p:cNvSpPr>
              <a:spLocks noChangeArrowheads="1"/>
            </p:cNvSpPr>
            <p:nvPr userDrawn="1"/>
          </p:nvSpPr>
          <p:spPr bwMode="gray">
            <a:xfrm>
              <a:off x="324489" y="2057426"/>
              <a:ext cx="810430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 dirty="0"/>
            </a:p>
          </p:txBody>
        </p:sp>
        <p:grpSp>
          <p:nvGrpSpPr>
            <p:cNvPr id="10" name="グループ化 16">
              <a:extLst>
                <a:ext uri="{FF2B5EF4-FFF2-40B4-BE49-F238E27FC236}">
                  <a16:creationId xmlns:a16="http://schemas.microsoft.com/office/drawing/2014/main" id="{CEAA1F3A-29E0-4030-B5D2-D5DBBF92BB2E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45319" cy="97488"/>
              <a:chOff x="312738" y="2747963"/>
              <a:chExt cx="1976699" cy="109537"/>
            </a:xfrm>
          </p:grpSpPr>
          <p:sp>
            <p:nvSpPr>
              <p:cNvPr id="11" name="正方形/長方形 42">
                <a:extLst>
                  <a:ext uri="{FF2B5EF4-FFF2-40B4-BE49-F238E27FC236}">
                    <a16:creationId xmlns:a16="http://schemas.microsoft.com/office/drawing/2014/main" id="{6DDE0990-A36E-471E-933F-CBBD7D5F100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6699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12" name="正方形/長方形 43">
                <a:extLst>
                  <a:ext uri="{FF2B5EF4-FFF2-40B4-BE49-F238E27FC236}">
                    <a16:creationId xmlns:a16="http://schemas.microsoft.com/office/drawing/2014/main" id="{CCC91D33-C000-46EE-8043-68A33CD8C5C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077094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pic>
        <p:nvPicPr>
          <p:cNvPr id="14" name="Graphic 13">
            <a:extLst>
              <a:ext uri="{FF2B5EF4-FFF2-40B4-BE49-F238E27FC236}">
                <a16:creationId xmlns:a16="http://schemas.microsoft.com/office/drawing/2014/main" id="{F8698C6D-D2EA-437A-876C-9E6155B91BA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100800" y="6372000"/>
            <a:ext cx="2661221" cy="36360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A6D536B5-B05C-48FB-A470-403897ADA0C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9403200" y="522000"/>
            <a:ext cx="2359426" cy="674919"/>
          </a:xfrm>
          <a:prstGeom prst="rect">
            <a:avLst/>
          </a:prstGeom>
        </p:spPr>
      </p:pic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id="{CEA0F644-66A0-4751-967F-CC294072E62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7538650-C20C-4DFC-8B0E-3A4E7D1DB3C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3416400" y="6433200"/>
            <a:ext cx="5040000" cy="2556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15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8FD1A76-2CD3-4660-8FE9-871856FF2FAF}"/>
              </a:ext>
            </a:extLst>
          </p:cNvPr>
          <p:cNvSpPr txBox="1"/>
          <p:nvPr userDrawn="1"/>
        </p:nvSpPr>
        <p:spPr bwMode="gray">
          <a:xfrm>
            <a:off x="777600" y="6543351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text" descr="{&#10; &quot;SkabelonDesign&quot;: {&#10; &quot;textualValue&quot;: &quot;&lt;key1/&gt;&quot;,&#10; &quot;bindingCollection&quot;: {&#10; &quot;key1&quot;: {&quot;SkabelonDesign&quot;:{&quot;type&quot;:&quot;Text&quot;,&quot;binding&quot;:&quot;SecurityLevel&quot;}}&#10; }&#10; }&#10;}">
            <a:extLst>
              <a:ext uri="{FF2B5EF4-FFF2-40B4-BE49-F238E27FC236}">
                <a16:creationId xmlns:a16="http://schemas.microsoft.com/office/drawing/2014/main" id="{CB7D391F-DEEA-473B-B070-85560DC4D0B9}"/>
              </a:ext>
            </a:extLst>
          </p:cNvPr>
          <p:cNvSpPr txBox="1"/>
          <p:nvPr userDrawn="1"/>
        </p:nvSpPr>
        <p:spPr bwMode="gray">
          <a:xfrm>
            <a:off x="777600" y="6411600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D887DE71-30BD-4632-8360-B13349276B0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595639" y="3225600"/>
            <a:ext cx="8815185" cy="666000"/>
          </a:xfrm>
        </p:spPr>
        <p:txBody>
          <a:bodyPr anchor="t"/>
          <a:lstStyle>
            <a:lvl1pPr algn="l"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Divider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78E059F7-1D4A-431E-820A-739E9C3EEB4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594566" y="3945041"/>
            <a:ext cx="8815185" cy="648000"/>
          </a:xfrm>
        </p:spPr>
        <p:txBody>
          <a:bodyPr lIns="36000" tIns="0"/>
          <a:lstStyle>
            <a:lvl1pPr marL="0" indent="0" algn="l">
              <a:buNone/>
              <a:defRPr sz="3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Version 1.0</a:t>
            </a:r>
          </a:p>
        </p:txBody>
      </p:sp>
    </p:spTree>
    <p:extLst>
      <p:ext uri="{BB962C8B-B14F-4D97-AF65-F5344CB8AC3E}">
        <p14:creationId xmlns:p14="http://schemas.microsoft.com/office/powerpoint/2010/main" val="1878490018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A599E7F5-F415-4C65-8A99-EC0A5EE97939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1" name="Content Placeholder 3">
            <a:extLst>
              <a:ext uri="{FF2B5EF4-FFF2-40B4-BE49-F238E27FC236}">
                <a16:creationId xmlns:a16="http://schemas.microsoft.com/office/drawing/2014/main" id="{27E9E322-46EC-4812-B19E-68EF57BB65AB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3671175" cy="4597664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7AECB15B-5F0D-4632-BB23-2A56F9E9A20E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4366170" y="1376363"/>
            <a:ext cx="754569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5" name="Content Placeholder 3">
            <a:extLst>
              <a:ext uri="{FF2B5EF4-FFF2-40B4-BE49-F238E27FC236}">
                <a16:creationId xmlns:a16="http://schemas.microsoft.com/office/drawing/2014/main" id="{E9CCB12E-B98C-43F0-816E-4E115D505FDA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4365111" y="1747581"/>
            <a:ext cx="7560915" cy="4597657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9BC0EB3-0C96-4FAD-BB70-3339053B89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D709718-154C-4117-B81B-8D8A3FB3AB10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5">
            <a:extLst>
              <a:ext uri="{FF2B5EF4-FFF2-40B4-BE49-F238E27FC236}">
                <a16:creationId xmlns:a16="http://schemas.microsoft.com/office/drawing/2014/main" id="{D9570EDF-BB99-46E9-918F-CF0BCDF2BBB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8468089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2) &amp; Content (2) &amp; Box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AD71F2CD-2ABA-47E7-80A2-CB4906495392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4" y="1376363"/>
            <a:ext cx="367117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12D8E76E-A1D6-4C7B-AC9A-D9C66C06AF94}"/>
              </a:ext>
            </a:extLst>
          </p:cNvPr>
          <p:cNvSpPr>
            <a:spLocks noGrp="1"/>
          </p:cNvSpPr>
          <p:nvPr>
            <p:ph sz="quarter" idx="19"/>
          </p:nvPr>
        </p:nvSpPr>
        <p:spPr bwMode="gray">
          <a:xfrm>
            <a:off x="263524" y="1747582"/>
            <a:ext cx="3671175" cy="3750082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0D895BA9-38D6-49B2-82EE-7B9807252862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4366170" y="1376363"/>
            <a:ext cx="7545699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6071C9E5-62CE-489F-BACC-9EE6ECE4F55F}"/>
              </a:ext>
            </a:extLst>
          </p:cNvPr>
          <p:cNvSpPr>
            <a:spLocks noGrp="1"/>
          </p:cNvSpPr>
          <p:nvPr>
            <p:ph sz="quarter" idx="20"/>
          </p:nvPr>
        </p:nvSpPr>
        <p:spPr bwMode="gray">
          <a:xfrm>
            <a:off x="4365111" y="1747582"/>
            <a:ext cx="7560915" cy="375007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Text Placeholder 7">
            <a:extLst>
              <a:ext uri="{FF2B5EF4-FFF2-40B4-BE49-F238E27FC236}">
                <a16:creationId xmlns:a16="http://schemas.microsoft.com/office/drawing/2014/main" id="{1BDAA8F4-93B7-40C6-881D-E92B143E296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3669DD4F-6CD1-4129-972D-E8E5288D56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712DBCD-C109-41A7-A6F0-127DF4C5A2B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C5859B44-29F5-4115-9292-B9989893B32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14998927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3B05BF5E-4371-47AB-A1FF-B10995CF2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63525" y="4870312"/>
            <a:ext cx="2952153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6C90D6E3-10FE-4F7A-9BC6-9EE50B88556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78657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316FDD13-2FD3-4BDC-92B0-6E2A4E622EE2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36258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8" name="Content Placeholder 3">
            <a:extLst>
              <a:ext uri="{FF2B5EF4-FFF2-40B4-BE49-F238E27FC236}">
                <a16:creationId xmlns:a16="http://schemas.microsoft.com/office/drawing/2014/main" id="{E2783D5F-0057-4639-BF27-31ED9E0868C1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730324"/>
            <a:ext cx="2952153" cy="112261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0" name="Content Placeholder 3">
            <a:extLst>
              <a:ext uri="{FF2B5EF4-FFF2-40B4-BE49-F238E27FC236}">
                <a16:creationId xmlns:a16="http://schemas.microsoft.com/office/drawing/2014/main" id="{B590CC18-1B6B-4861-868E-A6987D93954C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496487"/>
            <a:ext cx="2952153" cy="1086373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1CBF013C-2857-4ABA-A4A4-FB2F2770E661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5248208"/>
            <a:ext cx="2952153" cy="10970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76DE9C61-D509-4314-B722-D4958D1B5C13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3503712" y="1376172"/>
            <a:ext cx="8424763" cy="1476762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B07CE416-A776-4B9B-869E-F13DCB2194D7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503712" y="3125397"/>
            <a:ext cx="842476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4" name="Content Placeholder 3">
            <a:extLst>
              <a:ext uri="{FF2B5EF4-FFF2-40B4-BE49-F238E27FC236}">
                <a16:creationId xmlns:a16="http://schemas.microsoft.com/office/drawing/2014/main" id="{768861B8-49F9-4E24-A37A-AC60CAABF377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503712" y="4887774"/>
            <a:ext cx="8424763" cy="1457464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82DFEC67-6E2A-46BD-A71B-DEDF2A482BD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FEFC85C-8424-44CD-A63A-4F96F49C3191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id="{86528114-0333-4543-95AF-F1B6C4A26E6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79202468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6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4EF52691-9CCC-4E90-9911-5B12BEE570C0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 bwMode="gray">
          <a:xfrm>
            <a:off x="263525" y="1380698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6" name="Content Placeholder 3">
            <a:extLst>
              <a:ext uri="{FF2B5EF4-FFF2-40B4-BE49-F238E27FC236}">
                <a16:creationId xmlns:a16="http://schemas.microsoft.com/office/drawing/2014/main" id="{6BFE9AA9-753B-41E3-A0DD-DC664AD2E029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756815"/>
            <a:ext cx="2952153" cy="739879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9" name="Content Placeholder 3">
            <a:extLst>
              <a:ext uri="{FF2B5EF4-FFF2-40B4-BE49-F238E27FC236}">
                <a16:creationId xmlns:a16="http://schemas.microsoft.com/office/drawing/2014/main" id="{050C276D-2B61-40CC-9FA8-AE23FE1A7BF5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3503712" y="1376172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8D141BDE-D9C9-41F9-8359-B351B85CDA1B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5" y="2902631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73465EF4-66D8-44A5-9800-552FABFF1AB5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262861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1C770F5A-E529-42AD-8C31-39184B9E3420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75973" y="4394026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1" name="Content Placeholder 3">
            <a:extLst>
              <a:ext uri="{FF2B5EF4-FFF2-40B4-BE49-F238E27FC236}">
                <a16:creationId xmlns:a16="http://schemas.microsoft.com/office/drawing/2014/main" id="{F4DAC50B-76F8-4A8A-AECB-24981C653257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75973" y="4771922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2" name="Content Placeholder 3">
            <a:extLst>
              <a:ext uri="{FF2B5EF4-FFF2-40B4-BE49-F238E27FC236}">
                <a16:creationId xmlns:a16="http://schemas.microsoft.com/office/drawing/2014/main" id="{5D891E61-D8AD-42D7-9D9D-031BF8EE4B4E}"/>
              </a:ext>
            </a:extLst>
          </p:cNvPr>
          <p:cNvSpPr>
            <a:spLocks noGrp="1"/>
          </p:cNvSpPr>
          <p:nvPr>
            <p:ph sz="quarter" idx="31"/>
          </p:nvPr>
        </p:nvSpPr>
        <p:spPr bwMode="gray">
          <a:xfrm>
            <a:off x="3503712" y="2904037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3" name="Content Placeholder 3">
            <a:extLst>
              <a:ext uri="{FF2B5EF4-FFF2-40B4-BE49-F238E27FC236}">
                <a16:creationId xmlns:a16="http://schemas.microsoft.com/office/drawing/2014/main" id="{35F881D5-BB6A-4F6C-80FC-64D9F2EE741B}"/>
              </a:ext>
            </a:extLst>
          </p:cNvPr>
          <p:cNvSpPr>
            <a:spLocks noGrp="1"/>
          </p:cNvSpPr>
          <p:nvPr>
            <p:ph sz="quarter" idx="32"/>
          </p:nvPr>
        </p:nvSpPr>
        <p:spPr bwMode="gray">
          <a:xfrm>
            <a:off x="3503712" y="4398803"/>
            <a:ext cx="8424763" cy="1208528"/>
          </a:xfrm>
        </p:spPr>
        <p:txBody>
          <a:bodyPr lIns="0" tIns="108000" rIns="0" bIns="0"/>
          <a:lstStyle>
            <a:lvl1pPr>
              <a:lnSpc>
                <a:spcPct val="100000"/>
              </a:lnSpc>
              <a:spcBef>
                <a:spcPts val="600"/>
              </a:spcBef>
              <a:defRPr sz="1200"/>
            </a:lvl1pPr>
            <a:lvl2pPr>
              <a:lnSpc>
                <a:spcPct val="100000"/>
              </a:lnSpc>
              <a:spcBef>
                <a:spcPts val="600"/>
              </a:spcBef>
              <a:defRPr sz="1200"/>
            </a:lvl2pPr>
            <a:lvl3pPr>
              <a:lnSpc>
                <a:spcPct val="100000"/>
              </a:lnSpc>
              <a:spcBef>
                <a:spcPts val="600"/>
              </a:spcBef>
              <a:defRPr sz="1200"/>
            </a:lvl3pPr>
            <a:lvl4pPr>
              <a:lnSpc>
                <a:spcPct val="100000"/>
              </a:lnSpc>
              <a:spcBef>
                <a:spcPts val="600"/>
              </a:spcBef>
              <a:defRPr sz="1200"/>
            </a:lvl4pPr>
            <a:lvl5pPr>
              <a:lnSpc>
                <a:spcPct val="100000"/>
              </a:lnSpc>
              <a:spcBef>
                <a:spcPts val="600"/>
              </a:spcBef>
              <a:defRPr sz="12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D362199-6D4B-4B90-B6A1-5E71DFDDBBF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A20A5915-B847-497E-8CE3-06F002BDFC2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E7E9A74-B369-4964-8A1E-229B50EC86F9}"/>
              </a:ext>
            </a:extLst>
          </p:cNvPr>
          <p:cNvSpPr>
            <a:spLocks noGrp="1"/>
          </p:cNvSpPr>
          <p:nvPr>
            <p:ph type="sldNum" sz="quarter" idx="4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5">
            <a:extLst>
              <a:ext uri="{FF2B5EF4-FFF2-40B4-BE49-F238E27FC236}">
                <a16:creationId xmlns:a16="http://schemas.microsoft.com/office/drawing/2014/main" id="{02B37D9A-84F7-4FC5-A2FB-906DA85B83D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2136494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4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3">
            <a:extLst>
              <a:ext uri="{FF2B5EF4-FFF2-40B4-BE49-F238E27FC236}">
                <a16:creationId xmlns:a16="http://schemas.microsoft.com/office/drawing/2014/main" id="{EAD88574-00B8-4D9B-93EB-50F073EEE673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3489049" y="1376364"/>
            <a:ext cx="8437840" cy="4968873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200B697-7AE4-424E-83E6-544B82503EE9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80181" y="4985012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DC4BA68C-5B4C-4A6C-846E-96C50FE50D73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263525" y="1379474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5EDA259E-FC8F-43D1-B501-E3CEAB636702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3" y="3177353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374300A6-D16D-4065-B7F9-8A14A4823F9B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740921"/>
            <a:ext cx="2952153" cy="1008108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B7BF585E-C297-4501-AF84-9BD4BE063F94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63525" y="3564803"/>
            <a:ext cx="2952153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24" name="Content Placeholder 3">
            <a:extLst>
              <a:ext uri="{FF2B5EF4-FFF2-40B4-BE49-F238E27FC236}">
                <a16:creationId xmlns:a16="http://schemas.microsoft.com/office/drawing/2014/main" id="{AB88D336-5640-4086-8C90-556FE2D9D99E}"/>
              </a:ext>
            </a:extLst>
          </p:cNvPr>
          <p:cNvSpPr>
            <a:spLocks noGrp="1"/>
          </p:cNvSpPr>
          <p:nvPr>
            <p:ph sz="quarter" idx="29"/>
          </p:nvPr>
        </p:nvSpPr>
        <p:spPr bwMode="gray">
          <a:xfrm>
            <a:off x="263525" y="5362908"/>
            <a:ext cx="2952153" cy="98233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AA928351-B87F-49BA-ACE8-AE4121245B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E241C3F-0122-46DF-8F86-BE4B98737889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id="{2800C0ED-E572-49FB-B072-C0952C26F2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2016454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(3) &amp; Content (4) &amp;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9CC6681E-BC33-4CAF-AFB3-EBB43BD322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3489049" y="1376364"/>
            <a:ext cx="8437840" cy="4264475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456FEF9-EFA3-4797-83EF-F48AA5968C8F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 bwMode="gray">
          <a:xfrm>
            <a:off x="263525" y="1381254"/>
            <a:ext cx="2952156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418C37B3-FDA7-4582-A6B2-DF971CCAAD37}"/>
              </a:ext>
            </a:extLst>
          </p:cNvPr>
          <p:cNvSpPr>
            <a:spLocks noGrp="1"/>
          </p:cNvSpPr>
          <p:nvPr>
            <p:ph sz="quarter" idx="26"/>
          </p:nvPr>
        </p:nvSpPr>
        <p:spPr bwMode="gray">
          <a:xfrm>
            <a:off x="263525" y="1747591"/>
            <a:ext cx="2952153" cy="739879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73138666-4D60-430D-84CA-98923051AE97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263525" y="2936202"/>
            <a:ext cx="2952155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4" name="Content Placeholder 3">
            <a:extLst>
              <a:ext uri="{FF2B5EF4-FFF2-40B4-BE49-F238E27FC236}">
                <a16:creationId xmlns:a16="http://schemas.microsoft.com/office/drawing/2014/main" id="{7F262DA2-6165-4B36-88C9-DAE3B63AD4F1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3320223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88847DCA-998F-4A45-800E-CAFE0984C32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 bwMode="gray">
          <a:xfrm>
            <a:off x="275973" y="4496041"/>
            <a:ext cx="2935497" cy="252000"/>
          </a:xfrm>
        </p:spPr>
        <p:txBody>
          <a:bodyPr lIns="0" tIns="0" rIns="0" anchor="t"/>
          <a:lstStyle>
            <a:lvl1pPr marL="0" indent="0">
              <a:lnSpc>
                <a:spcPct val="100000"/>
              </a:lnSpc>
              <a:spcBef>
                <a:spcPts val="100"/>
              </a:spcBef>
              <a:buFont typeface="Arial" panose="020B0604020202020204" pitchFamily="34" charset="0"/>
              <a:buNone/>
              <a:defRPr sz="1600" b="1">
                <a:solidFill>
                  <a:schemeClr val="tx2"/>
                </a:solidFill>
              </a:defRPr>
            </a:lvl1pPr>
            <a:lvl2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2pPr>
            <a:lvl3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3pPr>
            <a:lvl4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4pPr>
            <a:lvl5pPr marL="0" indent="0">
              <a:lnSpc>
                <a:spcPct val="100000"/>
              </a:lnSpc>
              <a:spcBef>
                <a:spcPts val="100"/>
              </a:spcBef>
              <a:buNone/>
              <a:defRPr sz="1600" b="1">
                <a:solidFill>
                  <a:schemeClr val="accent4"/>
                </a:solidFill>
              </a:defRPr>
            </a:lvl5pPr>
            <a:lvl6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6pPr>
            <a:lvl7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7pPr>
            <a:lvl8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8pPr>
            <a:lvl9pPr marL="0" indent="0">
              <a:spcBef>
                <a:spcPts val="0"/>
              </a:spcBef>
              <a:buNone/>
              <a:defRPr sz="16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Content Placeholder 3">
            <a:extLst>
              <a:ext uri="{FF2B5EF4-FFF2-40B4-BE49-F238E27FC236}">
                <a16:creationId xmlns:a16="http://schemas.microsoft.com/office/drawing/2014/main" id="{C16325E6-C1F6-4393-A300-FB4F110973D8}"/>
              </a:ext>
            </a:extLst>
          </p:cNvPr>
          <p:cNvSpPr>
            <a:spLocks noGrp="1"/>
          </p:cNvSpPr>
          <p:nvPr>
            <p:ph sz="quarter" idx="28"/>
          </p:nvPr>
        </p:nvSpPr>
        <p:spPr bwMode="gray">
          <a:xfrm>
            <a:off x="275973" y="4873937"/>
            <a:ext cx="2952153" cy="720960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F9EB9EBF-A7BC-402C-B3E0-262AB3649DD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lIns="252000" tIns="0" rIns="25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9" name="Title 1">
            <a:extLst>
              <a:ext uri="{FF2B5EF4-FFF2-40B4-BE49-F238E27FC236}">
                <a16:creationId xmlns:a16="http://schemas.microsoft.com/office/drawing/2014/main" id="{6F663D08-3767-42E7-8213-FF35A9ED0D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D5F0218-B48B-4787-ACF8-94A8D647E2C8}"/>
              </a:ext>
            </a:extLst>
          </p:cNvPr>
          <p:cNvSpPr>
            <a:spLocks noGrp="1"/>
          </p:cNvSpPr>
          <p:nvPr>
            <p:ph type="sldNum" sz="quarter" idx="4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Footer Placeholder 5">
            <a:extLst>
              <a:ext uri="{FF2B5EF4-FFF2-40B4-BE49-F238E27FC236}">
                <a16:creationId xmlns:a16="http://schemas.microsoft.com/office/drawing/2014/main" id="{9EDDBE66-12AC-4A55-BF4F-9BDB11683FD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9161697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(1.0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C0EE7B7B-F566-4855-B2E0-D348111D66F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15681" y="882650"/>
            <a:ext cx="8976319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49C6567E-C4DF-4FB0-9D5E-ACC3B7BDA53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9ECDE9D-EBE5-49D3-91E5-562E228B7E6F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5">
            <a:extLst>
              <a:ext uri="{FF2B5EF4-FFF2-40B4-BE49-F238E27FC236}">
                <a16:creationId xmlns:a16="http://schemas.microsoft.com/office/drawing/2014/main" id="{7F8A0420-B904-40E2-A2FB-F91A10E551C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626851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0CF477D-6C63-4F4F-9AE3-EEDFA6E93E4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60209B7B-C8FD-4B4E-8E75-636AE148E250}"/>
              </a:ext>
            </a:extLst>
          </p:cNvPr>
          <p:cNvSpPr>
            <a:spLocks noGrp="1"/>
          </p:cNvSpPr>
          <p:nvPr>
            <p:ph sz="quarter" idx="30"/>
          </p:nvPr>
        </p:nvSpPr>
        <p:spPr bwMode="gray">
          <a:xfrm>
            <a:off x="263524" y="2097089"/>
            <a:ext cx="11664951" cy="3564156"/>
          </a:xfrm>
        </p:spPr>
        <p:txBody>
          <a:bodyPr lIns="0" tIns="0" rIns="0" bIns="0"/>
          <a:lstStyle>
            <a:lvl1pPr>
              <a:lnSpc>
                <a:spcPct val="100000"/>
              </a:lnSpc>
              <a:spcBef>
                <a:spcPts val="600"/>
              </a:spcBef>
              <a:defRPr/>
            </a:lvl1pPr>
            <a:lvl2pPr>
              <a:lnSpc>
                <a:spcPct val="100000"/>
              </a:lnSpc>
              <a:spcBef>
                <a:spcPts val="600"/>
              </a:spcBef>
              <a:defRPr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9D907760-3A9C-4029-BC6E-C55487567DDB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 bwMode="gray">
          <a:xfrm>
            <a:off x="263524" y="882844"/>
            <a:ext cx="11664951" cy="856793"/>
          </a:xfrm>
        </p:spPr>
        <p:txBody>
          <a:bodyPr lIns="0" tIns="144000" rIns="0" bIns="0"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800"/>
            </a:lvl1pPr>
            <a:lvl2pPr marL="0" indent="0">
              <a:lnSpc>
                <a:spcPct val="90000"/>
              </a:lnSpc>
              <a:spcBef>
                <a:spcPts val="1000"/>
              </a:spcBef>
              <a:buNone/>
              <a:defRPr sz="1800"/>
            </a:lvl2pPr>
            <a:lvl3pPr>
              <a:lnSpc>
                <a:spcPct val="90000"/>
              </a:lnSpc>
              <a:spcBef>
                <a:spcPts val="1000"/>
              </a:spcBef>
              <a:defRPr/>
            </a:lvl3pPr>
            <a:lvl4pPr>
              <a:lnSpc>
                <a:spcPct val="90000"/>
              </a:lnSpc>
              <a:spcBef>
                <a:spcPts val="1000"/>
              </a:spcBef>
              <a:defRPr/>
            </a:lvl4pPr>
            <a:lvl5pPr>
              <a:lnSpc>
                <a:spcPct val="90000"/>
              </a:lnSpc>
              <a:spcBef>
                <a:spcPts val="1000"/>
              </a:spcBef>
              <a:defRPr/>
            </a:lvl5pPr>
          </a:lstStyle>
          <a:p>
            <a:pPr lvl="0"/>
            <a:r>
              <a:rPr lang="en-US" dirty="0"/>
              <a:t>Click to edit Master Subtitle styles</a:t>
            </a:r>
          </a:p>
          <a:p>
            <a:pPr lvl="0"/>
            <a:r>
              <a:rPr lang="en-US" dirty="0"/>
              <a:t>Click to edit Master Subtitle styles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3CA8DD60-BCEB-4178-AAEE-8C17E6DDA85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0" y="5805264"/>
            <a:ext cx="12192000" cy="539974"/>
          </a:xfrm>
          <a:solidFill>
            <a:srgbClr val="D9D9D9"/>
          </a:solidFill>
        </p:spPr>
        <p:txBody>
          <a:bodyPr tIns="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00" b="1">
                <a:solidFill>
                  <a:schemeClr val="tx1"/>
                </a:solidFill>
              </a:defRPr>
            </a:lvl1pPr>
            <a:lvl2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2pPr>
            <a:lvl3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3pPr>
            <a:lvl4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4pPr>
            <a:lvl5pPr marL="0" indent="0" algn="ctr">
              <a:lnSpc>
                <a:spcPct val="100000"/>
              </a:lnSpc>
              <a:spcBef>
                <a:spcPts val="0"/>
              </a:spcBef>
              <a:buNone/>
              <a:defRPr sz="1600" b="1">
                <a:solidFill>
                  <a:schemeClr val="tx1"/>
                </a:solidFill>
              </a:defRPr>
            </a:lvl5pPr>
            <a:lvl6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6pPr>
            <a:lvl7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7pPr>
            <a:lvl8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8pPr>
            <a:lvl9pPr marL="0" indent="0" algn="ctr">
              <a:spcBef>
                <a:spcPts val="0"/>
              </a:spcBef>
              <a:buNone/>
              <a:defRPr sz="16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FCC1BC8-7CF2-4BE1-92E5-3047820D007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02B20BA0-3C91-45E4-B4B9-4057E653297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3808084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nal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>
            <a:extLst>
              <a:ext uri="{FF2B5EF4-FFF2-40B4-BE49-F238E27FC236}">
                <a16:creationId xmlns:a16="http://schemas.microsoft.com/office/drawing/2014/main" id="{272A433E-C8B8-4444-AEED-64F001FDB74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134468" y="2869481"/>
            <a:ext cx="3923063" cy="11190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30426249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67579" y="1325563"/>
            <a:ext cx="2786833" cy="421653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2" name="Gruppe 25">
            <a:extLst>
              <a:ext uri="{FF2B5EF4-FFF2-40B4-BE49-F238E27FC236}">
                <a16:creationId xmlns:a16="http://schemas.microsoft.com/office/drawing/2014/main" id="{F3C5118E-1DC4-485F-80E0-9220550843A3}"/>
              </a:ext>
            </a:extLst>
          </p:cNvPr>
          <p:cNvGrpSpPr/>
          <p:nvPr userDrawn="1"/>
        </p:nvGrpSpPr>
        <p:grpSpPr>
          <a:xfrm>
            <a:off x="7254412" y="1593644"/>
            <a:ext cx="676669" cy="997704"/>
            <a:chOff x="7254412" y="1876097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7254412" y="1876097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7256228" y="2245312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2" y="1331193"/>
            <a:ext cx="2280360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859631" y="3040397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860172" y="2317214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254412" y="2836373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866053" y="4030949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866053" y="5359102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310433" y="3646113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04676" y="1325563"/>
            <a:ext cx="2554662" cy="443198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RIDLIN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latin typeface="+mn-lt"/>
                <a:cs typeface="Arial" panose="020B0604020202020204" pitchFamily="34" charset="0"/>
              </a:rPr>
              <a:t>Click the View tab and set tick mark next to Guid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latin typeface="+mn-lt"/>
                <a:cs typeface="Arial" panose="020B0604020202020204" pitchFamily="34" charset="0"/>
              </a:rPr>
              <a:t>HINT: Alt + F9 for quick view of guid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sz="1600" dirty="0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539752" y="448713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2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266198" y="283535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866052" y="4794561"/>
            <a:ext cx="475428" cy="176762"/>
          </a:xfrm>
          <a:prstGeom prst="rect">
            <a:avLst/>
          </a:prstGeom>
        </p:spPr>
      </p:pic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1266198" y="1687812"/>
            <a:ext cx="378293" cy="543366"/>
          </a:xfrm>
          <a:prstGeom prst="rect">
            <a:avLst/>
          </a:prstGeom>
        </p:spPr>
      </p:pic>
      <p:sp>
        <p:nvSpPr>
          <p:cNvPr id="20" name="TextBox 19">
            <a:extLst>
              <a:ext uri="{FF2B5EF4-FFF2-40B4-BE49-F238E27FC236}">
                <a16:creationId xmlns:a16="http://schemas.microsoft.com/office/drawing/2014/main" id="{75475283-224A-4A5E-837B-37AEBD3B3B2F}"/>
              </a:ext>
            </a:extLst>
          </p:cNvPr>
          <p:cNvSpPr txBox="1"/>
          <p:nvPr userDrawn="1"/>
        </p:nvSpPr>
        <p:spPr>
          <a:xfrm>
            <a:off x="8329491" y="6476701"/>
            <a:ext cx="3837188" cy="2620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GB" sz="900" cap="all" baseline="0" dirty="0">
                <a:solidFill>
                  <a:srgbClr val="FF0000"/>
                </a:solidFill>
              </a:rPr>
              <a:t>This slide is to be deleted from the final presentation</a:t>
            </a:r>
          </a:p>
        </p:txBody>
      </p:sp>
    </p:spTree>
    <p:extLst>
      <p:ext uri="{BB962C8B-B14F-4D97-AF65-F5344CB8AC3E}">
        <p14:creationId xmlns:p14="http://schemas.microsoft.com/office/powerpoint/2010/main" val="326537167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able of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BD04DA-BB47-4750-8A44-88B15E82698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598907" y="1990949"/>
            <a:ext cx="8815185" cy="494203"/>
          </a:xfrm>
        </p:spPr>
        <p:txBody>
          <a:bodyPr anchor="t"/>
          <a:lstStyle>
            <a:lvl1pPr algn="l">
              <a:defRPr sz="32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able of Contents</a:t>
            </a:r>
          </a:p>
        </p:txBody>
      </p:sp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id="{01529F75-5663-4C03-96B5-0F1F0D69FA9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E89B7F61-230E-4B3E-BF70-2CD676232A3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9403200" y="522000"/>
            <a:ext cx="2359426" cy="674919"/>
          </a:xfrm>
          <a:prstGeom prst="rect">
            <a:avLst/>
          </a:prstGeom>
        </p:spPr>
      </p:pic>
      <p:pic>
        <p:nvPicPr>
          <p:cNvPr id="21" name="Graphic 20">
            <a:extLst>
              <a:ext uri="{FF2B5EF4-FFF2-40B4-BE49-F238E27FC236}">
                <a16:creationId xmlns:a16="http://schemas.microsoft.com/office/drawing/2014/main" id="{1998C1C1-FCA3-4919-A5E7-F00A9F4C801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100800" y="6372000"/>
            <a:ext cx="2661221" cy="363600"/>
          </a:xfrm>
          <a:prstGeom prst="rect">
            <a:avLst/>
          </a:prstGeom>
        </p:spPr>
      </p:pic>
      <p:grpSp>
        <p:nvGrpSpPr>
          <p:cNvPr id="25" name="グループ化 39">
            <a:extLst>
              <a:ext uri="{FF2B5EF4-FFF2-40B4-BE49-F238E27FC236}">
                <a16:creationId xmlns:a16="http://schemas.microsoft.com/office/drawing/2014/main" id="{FA3F7484-7BAE-4EA2-B7C9-7CB4B37585D7}"/>
              </a:ext>
            </a:extLst>
          </p:cNvPr>
          <p:cNvGrpSpPr/>
          <p:nvPr userDrawn="1"/>
        </p:nvGrpSpPr>
        <p:grpSpPr bwMode="gray">
          <a:xfrm>
            <a:off x="0" y="2708310"/>
            <a:ext cx="12193203" cy="131544"/>
            <a:chOff x="324487" y="2057426"/>
            <a:chExt cx="8104303" cy="97488"/>
          </a:xfrm>
        </p:grpSpPr>
        <p:sp>
          <p:nvSpPr>
            <p:cNvPr id="27" name="正方形/長方形 11">
              <a:extLst>
                <a:ext uri="{FF2B5EF4-FFF2-40B4-BE49-F238E27FC236}">
                  <a16:creationId xmlns:a16="http://schemas.microsoft.com/office/drawing/2014/main" id="{AC587E33-7A2C-4448-B825-67039A0700BA}"/>
                </a:ext>
              </a:extLst>
            </p:cNvPr>
            <p:cNvSpPr>
              <a:spLocks noChangeArrowheads="1"/>
            </p:cNvSpPr>
            <p:nvPr userDrawn="1"/>
          </p:nvSpPr>
          <p:spPr bwMode="gray">
            <a:xfrm>
              <a:off x="324489" y="2057426"/>
              <a:ext cx="8104301" cy="97488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 dirty="0"/>
            </a:p>
          </p:txBody>
        </p:sp>
        <p:grpSp>
          <p:nvGrpSpPr>
            <p:cNvPr id="29" name="グループ化 16">
              <a:extLst>
                <a:ext uri="{FF2B5EF4-FFF2-40B4-BE49-F238E27FC236}">
                  <a16:creationId xmlns:a16="http://schemas.microsoft.com/office/drawing/2014/main" id="{1F030078-EE00-43F9-9D4B-C4A2F6C2791D}"/>
                </a:ext>
              </a:extLst>
            </p:cNvPr>
            <p:cNvGrpSpPr/>
            <p:nvPr/>
          </p:nvGrpSpPr>
          <p:grpSpPr bwMode="gray">
            <a:xfrm>
              <a:off x="324487" y="2057426"/>
              <a:ext cx="1945319" cy="97488"/>
              <a:chOff x="312738" y="2747963"/>
              <a:chExt cx="1976699" cy="109537"/>
            </a:xfrm>
          </p:grpSpPr>
          <p:sp>
            <p:nvSpPr>
              <p:cNvPr id="31" name="正方形/長方形 42">
                <a:extLst>
                  <a:ext uri="{FF2B5EF4-FFF2-40B4-BE49-F238E27FC236}">
                    <a16:creationId xmlns:a16="http://schemas.microsoft.com/office/drawing/2014/main" id="{893CB3F4-07DF-48C9-91C2-5DCF6D46D60C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976699" cy="109537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33" name="正方形/長方形 43">
                <a:extLst>
                  <a:ext uri="{FF2B5EF4-FFF2-40B4-BE49-F238E27FC236}">
                    <a16:creationId xmlns:a16="http://schemas.microsoft.com/office/drawing/2014/main" id="{CA708C55-4831-4CEB-B7EB-9AC3F6C25ADB}"/>
                  </a:ext>
                </a:extLst>
              </p:cNvPr>
              <p:cNvSpPr/>
              <p:nvPr/>
            </p:nvSpPr>
            <p:spPr bwMode="gray">
              <a:xfrm>
                <a:off x="312738" y="2747963"/>
                <a:ext cx="1077094" cy="109537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sp>
        <p:nvSpPr>
          <p:cNvPr id="36" name="Text Placeholder 24">
            <a:extLst>
              <a:ext uri="{FF2B5EF4-FFF2-40B4-BE49-F238E27FC236}">
                <a16:creationId xmlns:a16="http://schemas.microsoft.com/office/drawing/2014/main" id="{7623BCA7-93D5-48F7-86F7-C24F0D39C97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020301" y="3428932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2</a:t>
            </a:r>
            <a:endParaRPr lang="en-GB" dirty="0"/>
          </a:p>
        </p:txBody>
      </p:sp>
      <p:sp>
        <p:nvSpPr>
          <p:cNvPr id="37" name="Text Placeholder 24">
            <a:extLst>
              <a:ext uri="{FF2B5EF4-FFF2-40B4-BE49-F238E27FC236}">
                <a16:creationId xmlns:a16="http://schemas.microsoft.com/office/drawing/2014/main" id="{B786EBCC-6E6B-44EC-A776-7C73802819B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020301" y="3829675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3</a:t>
            </a:r>
            <a:endParaRPr lang="en-GB" dirty="0"/>
          </a:p>
        </p:txBody>
      </p:sp>
      <p:sp>
        <p:nvSpPr>
          <p:cNvPr id="38" name="Text Placeholder 24">
            <a:extLst>
              <a:ext uri="{FF2B5EF4-FFF2-40B4-BE49-F238E27FC236}">
                <a16:creationId xmlns:a16="http://schemas.microsoft.com/office/drawing/2014/main" id="{CA5C2C1F-DA5D-4DE6-ACFA-7A0596004196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0020301" y="4230418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4</a:t>
            </a:r>
            <a:endParaRPr lang="en-GB" dirty="0"/>
          </a:p>
        </p:txBody>
      </p:sp>
      <p:sp>
        <p:nvSpPr>
          <p:cNvPr id="39" name="Text Placeholder 24">
            <a:extLst>
              <a:ext uri="{FF2B5EF4-FFF2-40B4-BE49-F238E27FC236}">
                <a16:creationId xmlns:a16="http://schemas.microsoft.com/office/drawing/2014/main" id="{C973E25B-071F-4386-B562-B5B6B906492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20301" y="4631161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5</a:t>
            </a:r>
            <a:endParaRPr lang="en-GB" dirty="0"/>
          </a:p>
        </p:txBody>
      </p:sp>
      <p:sp>
        <p:nvSpPr>
          <p:cNvPr id="40" name="Text Placeholder 24">
            <a:extLst>
              <a:ext uri="{FF2B5EF4-FFF2-40B4-BE49-F238E27FC236}">
                <a16:creationId xmlns:a16="http://schemas.microsoft.com/office/drawing/2014/main" id="{2D638F59-4781-4E34-8DB1-DF957E2A1BB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020301" y="5031904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6</a:t>
            </a:r>
            <a:endParaRPr lang="en-GB" dirty="0"/>
          </a:p>
        </p:txBody>
      </p:sp>
      <p:sp>
        <p:nvSpPr>
          <p:cNvPr id="41" name="Text Placeholder 24">
            <a:extLst>
              <a:ext uri="{FF2B5EF4-FFF2-40B4-BE49-F238E27FC236}">
                <a16:creationId xmlns:a16="http://schemas.microsoft.com/office/drawing/2014/main" id="{A7BB4135-8458-40E3-BA87-C75B803AE08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020301" y="5432647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7</a:t>
            </a:r>
            <a:endParaRPr lang="en-GB" dirty="0"/>
          </a:p>
        </p:txBody>
      </p:sp>
      <p:sp>
        <p:nvSpPr>
          <p:cNvPr id="42" name="Subtitle 2">
            <a:extLst>
              <a:ext uri="{FF2B5EF4-FFF2-40B4-BE49-F238E27FC236}">
                <a16:creationId xmlns:a16="http://schemas.microsoft.com/office/drawing/2014/main" id="{C6210C71-78ED-415C-9DC8-AC3CA995C90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598908" y="3062693"/>
            <a:ext cx="8203776" cy="3019932"/>
          </a:xfrm>
        </p:spPr>
        <p:txBody>
          <a:bodyPr tIns="0"/>
          <a:lstStyle>
            <a:lvl1pPr marL="457200" marR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 sz="2000" b="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ample text</a:t>
            </a:r>
          </a:p>
          <a:p>
            <a:r>
              <a:rPr lang="en-US" dirty="0"/>
              <a:t>Sample text</a:t>
            </a:r>
          </a:p>
          <a:p>
            <a:r>
              <a:rPr lang="en-US" dirty="0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dirty="0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dirty="0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dirty="0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dirty="0"/>
              <a:t>Sample text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lang="en-US" dirty="0"/>
              <a:t>Sample text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3" name="Text Placeholder 24">
            <a:extLst>
              <a:ext uri="{FF2B5EF4-FFF2-40B4-BE49-F238E27FC236}">
                <a16:creationId xmlns:a16="http://schemas.microsoft.com/office/drawing/2014/main" id="{58A61B6F-B3BC-4A8D-BD08-5DFDF0468F6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0020301" y="3028189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1</a:t>
            </a:r>
            <a:endParaRPr lang="en-GB" dirty="0"/>
          </a:p>
        </p:txBody>
      </p:sp>
      <p:sp>
        <p:nvSpPr>
          <p:cNvPr id="44" name="Text Placeholder 24">
            <a:extLst>
              <a:ext uri="{FF2B5EF4-FFF2-40B4-BE49-F238E27FC236}">
                <a16:creationId xmlns:a16="http://schemas.microsoft.com/office/drawing/2014/main" id="{0D99E737-3EEB-47CC-BAB0-AE54FFE8D23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0020301" y="5833389"/>
            <a:ext cx="393792" cy="249236"/>
          </a:xfrm>
        </p:spPr>
        <p:txBody>
          <a:bodyPr tIns="0"/>
          <a:lstStyle>
            <a:lvl1pPr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08</a:t>
            </a:r>
            <a:endParaRPr lang="en-GB" dirty="0"/>
          </a:p>
        </p:txBody>
      </p:sp>
      <p:sp>
        <p:nvSpPr>
          <p:cNvPr id="22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80C60511-8432-4230-A45D-38C56C7FACB3}"/>
              </a:ext>
            </a:extLst>
          </p:cNvPr>
          <p:cNvSpPr txBox="1"/>
          <p:nvPr userDrawn="1"/>
        </p:nvSpPr>
        <p:spPr bwMode="gray">
          <a:xfrm>
            <a:off x="777600" y="6543351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4" name="text" descr="{&#10; &quot;SkabelonDesign&quot;: {&#10; &quot;textualValue&quot;: &quot;&lt;key1/&gt;&quot;,&#10; &quot;bindingCollection&quot;: {&#10; &quot;key1&quot;: {&quot;SkabelonDesign&quot;:{&quot;type&quot;:&quot;Text&quot;,&quot;binding&quot;:&quot;SecurityLevel&quot;}}&#10; }&#10; }&#10;}">
            <a:extLst>
              <a:ext uri="{FF2B5EF4-FFF2-40B4-BE49-F238E27FC236}">
                <a16:creationId xmlns:a16="http://schemas.microsoft.com/office/drawing/2014/main" id="{38A0AA6D-DD8B-4E42-862C-7DF76A83992C}"/>
              </a:ext>
            </a:extLst>
          </p:cNvPr>
          <p:cNvSpPr txBox="1"/>
          <p:nvPr userDrawn="1"/>
        </p:nvSpPr>
        <p:spPr bwMode="gray">
          <a:xfrm>
            <a:off x="777600" y="6411600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6" name="Footer Placeholder 3">
            <a:extLst>
              <a:ext uri="{FF2B5EF4-FFF2-40B4-BE49-F238E27FC236}">
                <a16:creationId xmlns:a16="http://schemas.microsoft.com/office/drawing/2014/main" id="{2515BDA8-4677-4B37-BDE2-18E362D22D5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3416400" y="6433200"/>
            <a:ext cx="5040000" cy="25560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5328943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- copy/pas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539752" y="448713"/>
            <a:ext cx="11109321" cy="927650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2400" b="0" cap="all" baseline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Copying and pasting slides from old dual brand template</a:t>
            </a:r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8F0B4C4F-D11C-4E6B-8FAE-F70412ED2D1A}"/>
              </a:ext>
            </a:extLst>
          </p:cNvPr>
          <p:cNvSpPr txBox="1"/>
          <p:nvPr userDrawn="1"/>
        </p:nvSpPr>
        <p:spPr>
          <a:xfrm>
            <a:off x="539753" y="2468826"/>
            <a:ext cx="4646080" cy="1661993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 b="1" dirty="0"/>
              <a:t>2.</a:t>
            </a:r>
            <a:r>
              <a:rPr lang="en-US" sz="1200" dirty="0"/>
              <a:t> </a:t>
            </a:r>
            <a:r>
              <a:rPr lang="en-US" sz="1200" b="1" dirty="0"/>
              <a:t>Copy slides:</a:t>
            </a:r>
            <a:br>
              <a:rPr lang="en-US" sz="1200" dirty="0"/>
            </a:br>
            <a:r>
              <a:rPr lang="en-US" sz="1200" dirty="0"/>
              <a:t>Mark the slides you want to copy, right-click and choose Copy – or simply press </a:t>
            </a:r>
            <a:r>
              <a:rPr lang="en-US" sz="1200" b="1" dirty="0"/>
              <a:t>Ctrl+C</a:t>
            </a:r>
            <a:r>
              <a:rPr lang="en-US" sz="1200" dirty="0"/>
              <a:t>.</a:t>
            </a:r>
          </a:p>
          <a:p>
            <a:r>
              <a:rPr lang="en-US" sz="1200" dirty="0"/>
              <a:t>Place the curser where you want to paste your slides in the new presentation, right-click and choose </a:t>
            </a:r>
            <a:r>
              <a:rPr lang="en-US" sz="1200" b="1" dirty="0"/>
              <a:t>Use destination theme (H)</a:t>
            </a:r>
            <a:r>
              <a:rPr lang="en-US" sz="1200" dirty="0"/>
              <a:t>.</a:t>
            </a:r>
          </a:p>
          <a:p>
            <a:endParaRPr lang="en-US" sz="1200" dirty="0"/>
          </a:p>
          <a:p>
            <a:r>
              <a:rPr lang="en-US" sz="1200" dirty="0"/>
              <a:t>Using Keep Source Formatting (K) will leave the copied slides as they were. This can be used if the presentation is non-Hitachi Energy branded.</a:t>
            </a:r>
          </a:p>
        </p:txBody>
      </p:sp>
      <p:grpSp>
        <p:nvGrpSpPr>
          <p:cNvPr id="77" name="Group 76">
            <a:extLst>
              <a:ext uri="{FF2B5EF4-FFF2-40B4-BE49-F238E27FC236}">
                <a16:creationId xmlns:a16="http://schemas.microsoft.com/office/drawing/2014/main" id="{0F3BEB6B-901B-41BC-83C6-ABA4DE2ED244}"/>
              </a:ext>
            </a:extLst>
          </p:cNvPr>
          <p:cNvGrpSpPr/>
          <p:nvPr userDrawn="1"/>
        </p:nvGrpSpPr>
        <p:grpSpPr>
          <a:xfrm>
            <a:off x="5519301" y="2377562"/>
            <a:ext cx="920748" cy="906583"/>
            <a:chOff x="633081" y="2913045"/>
            <a:chExt cx="1238250" cy="1219200"/>
          </a:xfrm>
        </p:grpSpPr>
        <p:pic>
          <p:nvPicPr>
            <p:cNvPr id="78" name="Picture 77">
              <a:extLst>
                <a:ext uri="{FF2B5EF4-FFF2-40B4-BE49-F238E27FC236}">
                  <a16:creationId xmlns:a16="http://schemas.microsoft.com/office/drawing/2014/main" id="{6EF58DE3-B4D2-4969-8A9A-23638E15BE8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633081" y="2913045"/>
              <a:ext cx="1238250" cy="1219200"/>
            </a:xfrm>
            <a:prstGeom prst="rect">
              <a:avLst/>
            </a:prstGeom>
            <a:noFill/>
            <a:ln w="12700">
              <a:solidFill>
                <a:schemeClr val="accent6"/>
              </a:solidFill>
            </a:ln>
          </p:spPr>
        </p:pic>
        <p:sp>
          <p:nvSpPr>
            <p:cNvPr id="79" name="Rectangle 78">
              <a:extLst>
                <a:ext uri="{FF2B5EF4-FFF2-40B4-BE49-F238E27FC236}">
                  <a16:creationId xmlns:a16="http://schemas.microsoft.com/office/drawing/2014/main" id="{D52F5083-D4A6-41A5-B3C4-185E1D0CB792}"/>
                </a:ext>
              </a:extLst>
            </p:cNvPr>
            <p:cNvSpPr/>
            <p:nvPr/>
          </p:nvSpPr>
          <p:spPr>
            <a:xfrm>
              <a:off x="970757" y="3231356"/>
              <a:ext cx="304800" cy="304800"/>
            </a:xfrm>
            <a:prstGeom prst="rect">
              <a:avLst/>
            </a:prstGeom>
            <a:noFill/>
            <a:ln w="12700">
              <a:solidFill>
                <a:schemeClr val="accent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600" dirty="0" err="1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BEB66E97-974B-4BDE-BDEB-5A270325CDC3}"/>
              </a:ext>
            </a:extLst>
          </p:cNvPr>
          <p:cNvGrpSpPr/>
          <p:nvPr userDrawn="1"/>
        </p:nvGrpSpPr>
        <p:grpSpPr>
          <a:xfrm>
            <a:off x="5519301" y="3429932"/>
            <a:ext cx="830227" cy="931145"/>
            <a:chOff x="2144307" y="3106091"/>
            <a:chExt cx="1365906" cy="1531938"/>
          </a:xfrm>
        </p:grpSpPr>
        <p:pic>
          <p:nvPicPr>
            <p:cNvPr id="80" name="Picture 79">
              <a:extLst>
                <a:ext uri="{FF2B5EF4-FFF2-40B4-BE49-F238E27FC236}">
                  <a16:creationId xmlns:a16="http://schemas.microsoft.com/office/drawing/2014/main" id="{6A18EC7C-FE1B-47A0-A290-B7A6F6B9DE1F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r="1619"/>
            <a:stretch/>
          </p:blipFill>
          <p:spPr>
            <a:xfrm>
              <a:off x="2144592" y="3106091"/>
              <a:ext cx="1365621" cy="1531938"/>
            </a:xfrm>
            <a:prstGeom prst="rect">
              <a:avLst/>
            </a:prstGeom>
          </p:spPr>
        </p:pic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EAEA406E-7EC0-4F67-9FBF-9EF491DEB94F}"/>
                </a:ext>
              </a:extLst>
            </p:cNvPr>
            <p:cNvSpPr/>
            <p:nvPr userDrawn="1"/>
          </p:nvSpPr>
          <p:spPr>
            <a:xfrm>
              <a:off x="2144307" y="3106091"/>
              <a:ext cx="1363526" cy="1531938"/>
            </a:xfrm>
            <a:custGeom>
              <a:avLst/>
              <a:gdLst>
                <a:gd name="connsiteX0" fmla="*/ 710214 w 1504203"/>
                <a:gd name="connsiteY0" fmla="*/ 682764 h 1630297"/>
                <a:gd name="connsiteX1" fmla="*/ 710214 w 1504203"/>
                <a:gd name="connsiteY1" fmla="*/ 1442137 h 1630297"/>
                <a:gd name="connsiteX2" fmla="*/ 1477504 w 1504203"/>
                <a:gd name="connsiteY2" fmla="*/ 1442137 h 1630297"/>
                <a:gd name="connsiteX3" fmla="*/ 1477504 w 1504203"/>
                <a:gd name="connsiteY3" fmla="*/ 682764 h 1630297"/>
                <a:gd name="connsiteX4" fmla="*/ 0 w 1504203"/>
                <a:gd name="connsiteY4" fmla="*/ 0 h 1630297"/>
                <a:gd name="connsiteX5" fmla="*/ 1504203 w 1504203"/>
                <a:gd name="connsiteY5" fmla="*/ 0 h 1630297"/>
                <a:gd name="connsiteX6" fmla="*/ 1504203 w 1504203"/>
                <a:gd name="connsiteY6" fmla="*/ 1630297 h 1630297"/>
                <a:gd name="connsiteX7" fmla="*/ 0 w 1504203"/>
                <a:gd name="connsiteY7" fmla="*/ 1630297 h 163029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504203" h="1630297">
                  <a:moveTo>
                    <a:pt x="710214" y="682764"/>
                  </a:moveTo>
                  <a:lnTo>
                    <a:pt x="710214" y="1442137"/>
                  </a:lnTo>
                  <a:lnTo>
                    <a:pt x="1477504" y="1442137"/>
                  </a:lnTo>
                  <a:lnTo>
                    <a:pt x="1477504" y="682764"/>
                  </a:lnTo>
                  <a:close/>
                  <a:moveTo>
                    <a:pt x="0" y="0"/>
                  </a:moveTo>
                  <a:lnTo>
                    <a:pt x="1504203" y="0"/>
                  </a:lnTo>
                  <a:lnTo>
                    <a:pt x="1504203" y="1630297"/>
                  </a:lnTo>
                  <a:lnTo>
                    <a:pt x="0" y="1630297"/>
                  </a:lnTo>
                  <a:close/>
                </a:path>
              </a:pathLst>
            </a:custGeom>
            <a:solidFill>
              <a:schemeClr val="bg1">
                <a:alpha val="76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82" name="Rectangle 81">
              <a:extLst>
                <a:ext uri="{FF2B5EF4-FFF2-40B4-BE49-F238E27FC236}">
                  <a16:creationId xmlns:a16="http://schemas.microsoft.com/office/drawing/2014/main" id="{0687A4A2-D9A8-4577-BC56-0B5D79488DD6}"/>
                </a:ext>
              </a:extLst>
            </p:cNvPr>
            <p:cNvSpPr/>
            <p:nvPr userDrawn="1"/>
          </p:nvSpPr>
          <p:spPr>
            <a:xfrm>
              <a:off x="2796633" y="3736310"/>
              <a:ext cx="711200" cy="713559"/>
            </a:xfrm>
            <a:prstGeom prst="rect">
              <a:avLst/>
            </a:prstGeom>
            <a:noFill/>
            <a:ln w="12700">
              <a:solidFill>
                <a:schemeClr val="accent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sp>
        <p:nvSpPr>
          <p:cNvPr id="83" name="TextBox 82">
            <a:extLst>
              <a:ext uri="{FF2B5EF4-FFF2-40B4-BE49-F238E27FC236}">
                <a16:creationId xmlns:a16="http://schemas.microsoft.com/office/drawing/2014/main" id="{C1B78DA5-A67A-4800-8FFB-E07C52F610CE}"/>
              </a:ext>
            </a:extLst>
          </p:cNvPr>
          <p:cNvSpPr txBox="1"/>
          <p:nvPr userDrawn="1"/>
        </p:nvSpPr>
        <p:spPr>
          <a:xfrm>
            <a:off x="8162875" y="1694514"/>
            <a:ext cx="3765600" cy="1107996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 dirty="0"/>
              <a:t>Make </a:t>
            </a:r>
            <a:r>
              <a:rPr lang="en-US" sz="1200" dirty="0">
                <a:solidFill>
                  <a:schemeClr val="tx1"/>
                </a:solidFill>
              </a:rPr>
              <a:t>sure</a:t>
            </a:r>
            <a:r>
              <a:rPr lang="en-US" sz="1200" dirty="0">
                <a:solidFill>
                  <a:schemeClr val="tx2"/>
                </a:solidFill>
              </a:rPr>
              <a:t> page number and footer </a:t>
            </a:r>
            <a:r>
              <a:rPr lang="en-US" sz="1200" dirty="0"/>
              <a:t>are correct. </a:t>
            </a:r>
          </a:p>
          <a:p>
            <a:r>
              <a:rPr lang="en-US" sz="1200" dirty="0"/>
              <a:t>Click on the Reset button.</a:t>
            </a:r>
          </a:p>
          <a:p>
            <a:endParaRPr lang="en-US" sz="1200" dirty="0"/>
          </a:p>
          <a:p>
            <a:r>
              <a:rPr lang="en-US" sz="1200" dirty="0"/>
              <a:t>Then, navigate to Insert &gt; </a:t>
            </a:r>
            <a:r>
              <a:rPr lang="en-US" sz="1200" b="1" dirty="0"/>
              <a:t>Header &amp; Footer</a:t>
            </a:r>
            <a:r>
              <a:rPr lang="en-US" sz="1200" dirty="0"/>
              <a:t>. Remove the check marks and click </a:t>
            </a:r>
            <a:r>
              <a:rPr lang="en-US" sz="1200" b="1" dirty="0"/>
              <a:t>Apply to All</a:t>
            </a:r>
            <a:r>
              <a:rPr lang="en-US" sz="1200" dirty="0"/>
              <a:t>. Go to the menu again, add the check marks and click Apply to All. </a:t>
            </a:r>
          </a:p>
        </p:txBody>
      </p:sp>
      <p:pic>
        <p:nvPicPr>
          <p:cNvPr id="84" name="Picture 83">
            <a:extLst>
              <a:ext uri="{FF2B5EF4-FFF2-40B4-BE49-F238E27FC236}">
                <a16:creationId xmlns:a16="http://schemas.microsoft.com/office/drawing/2014/main" id="{1E0FD5AC-92C6-4284-BA69-A6489C657F8F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172862" y="3352364"/>
            <a:ext cx="652420" cy="215676"/>
          </a:xfrm>
          <a:prstGeom prst="rect">
            <a:avLst/>
          </a:prstGeom>
        </p:spPr>
      </p:pic>
      <p:pic>
        <p:nvPicPr>
          <p:cNvPr id="85" name="Picture 84">
            <a:extLst>
              <a:ext uri="{FF2B5EF4-FFF2-40B4-BE49-F238E27FC236}">
                <a16:creationId xmlns:a16="http://schemas.microsoft.com/office/drawing/2014/main" id="{4FA90C71-53BF-449C-B756-B79A42A11375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9081660" y="3352364"/>
            <a:ext cx="1928030" cy="1322769"/>
          </a:xfrm>
          <a:prstGeom prst="rect">
            <a:avLst/>
          </a:prstGeom>
        </p:spPr>
      </p:pic>
      <p:sp>
        <p:nvSpPr>
          <p:cNvPr id="86" name="TextBox 85">
            <a:extLst>
              <a:ext uri="{FF2B5EF4-FFF2-40B4-BE49-F238E27FC236}">
                <a16:creationId xmlns:a16="http://schemas.microsoft.com/office/drawing/2014/main" id="{11724201-102B-44AB-A41C-A79D8C3F557B}"/>
              </a:ext>
            </a:extLst>
          </p:cNvPr>
          <p:cNvSpPr txBox="1"/>
          <p:nvPr userDrawn="1"/>
        </p:nvSpPr>
        <p:spPr>
          <a:xfrm>
            <a:off x="539753" y="4438398"/>
            <a:ext cx="4756176" cy="1661993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 dirty="0"/>
              <a:t>Next step is to find the </a:t>
            </a:r>
            <a:r>
              <a:rPr lang="en-US" sz="1200" b="1" dirty="0"/>
              <a:t>right layout </a:t>
            </a:r>
            <a:r>
              <a:rPr lang="en-US" sz="1200" dirty="0"/>
              <a:t>in the new presentation. </a:t>
            </a:r>
          </a:p>
          <a:p>
            <a:r>
              <a:rPr lang="en-US" sz="1200" dirty="0"/>
              <a:t>Please right click on the slide and click layout.</a:t>
            </a:r>
          </a:p>
          <a:p>
            <a:endParaRPr lang="en-US" sz="1200" dirty="0"/>
          </a:p>
          <a:p>
            <a:r>
              <a:rPr lang="en-US" sz="1200" dirty="0"/>
              <a:t>If the layout comes after the last Hitachi Energy layout (Do not use layouts after this), choose a layout that is most like the slide you have copied.</a:t>
            </a:r>
          </a:p>
          <a:p>
            <a:endParaRPr lang="en-US" sz="1200" dirty="0"/>
          </a:p>
          <a:p>
            <a:r>
              <a:rPr lang="en-US" sz="1200" i="1" dirty="0"/>
              <a:t>Note: you might have to adjust text to fit the new layout if there is e.g. different amount of placeholders.</a:t>
            </a:r>
            <a:endParaRPr lang="en-US" sz="1200" dirty="0"/>
          </a:p>
        </p:txBody>
      </p:sp>
      <p:grpSp>
        <p:nvGrpSpPr>
          <p:cNvPr id="87" name="Group 86">
            <a:extLst>
              <a:ext uri="{FF2B5EF4-FFF2-40B4-BE49-F238E27FC236}">
                <a16:creationId xmlns:a16="http://schemas.microsoft.com/office/drawing/2014/main" id="{3116C0E4-C1A2-4C02-B8EA-AD665C07A4E4}"/>
              </a:ext>
            </a:extLst>
          </p:cNvPr>
          <p:cNvGrpSpPr/>
          <p:nvPr userDrawn="1"/>
        </p:nvGrpSpPr>
        <p:grpSpPr>
          <a:xfrm>
            <a:off x="5521741" y="4480438"/>
            <a:ext cx="2425309" cy="1864800"/>
            <a:chOff x="4256385" y="1376363"/>
            <a:chExt cx="5336620" cy="4103283"/>
          </a:xfrm>
        </p:grpSpPr>
        <p:pic>
          <p:nvPicPr>
            <p:cNvPr id="88" name="Picture 87">
              <a:extLst>
                <a:ext uri="{FF2B5EF4-FFF2-40B4-BE49-F238E27FC236}">
                  <a16:creationId xmlns:a16="http://schemas.microsoft.com/office/drawing/2014/main" id="{656E3C72-2513-42BC-A870-2D3F2FD67FDF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4256386" y="1376364"/>
              <a:ext cx="5336619" cy="4103282"/>
            </a:xfrm>
            <a:prstGeom prst="rect">
              <a:avLst/>
            </a:prstGeom>
          </p:spPr>
        </p:pic>
        <p:sp>
          <p:nvSpPr>
            <p:cNvPr id="89" name="Rectangle 88">
              <a:extLst>
                <a:ext uri="{FF2B5EF4-FFF2-40B4-BE49-F238E27FC236}">
                  <a16:creationId xmlns:a16="http://schemas.microsoft.com/office/drawing/2014/main" id="{D9A853A5-8294-40DD-B660-B436764CC5D2}"/>
                </a:ext>
              </a:extLst>
            </p:cNvPr>
            <p:cNvSpPr/>
            <p:nvPr/>
          </p:nvSpPr>
          <p:spPr>
            <a:xfrm>
              <a:off x="4256385" y="1376363"/>
              <a:ext cx="908043" cy="454650"/>
            </a:xfrm>
            <a:prstGeom prst="rect">
              <a:avLst/>
            </a:prstGeom>
            <a:solidFill>
              <a:srgbClr val="FFFFFF">
                <a:alpha val="85000"/>
              </a:srgbClr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90" name="Rectangle 89">
              <a:extLst>
                <a:ext uri="{FF2B5EF4-FFF2-40B4-BE49-F238E27FC236}">
                  <a16:creationId xmlns:a16="http://schemas.microsoft.com/office/drawing/2014/main" id="{A646FD26-E63E-42D5-A742-D8598E2754EF}"/>
                </a:ext>
              </a:extLst>
            </p:cNvPr>
            <p:cNvSpPr/>
            <p:nvPr/>
          </p:nvSpPr>
          <p:spPr>
            <a:xfrm>
              <a:off x="4256385" y="4375150"/>
              <a:ext cx="908043" cy="1104495"/>
            </a:xfrm>
            <a:prstGeom prst="rect">
              <a:avLst/>
            </a:prstGeom>
            <a:solidFill>
              <a:srgbClr val="FFFFFF">
                <a:alpha val="85000"/>
              </a:srgbClr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</p:grpSp>
      <p:sp>
        <p:nvSpPr>
          <p:cNvPr id="91" name="TextBox 90">
            <a:extLst>
              <a:ext uri="{FF2B5EF4-FFF2-40B4-BE49-F238E27FC236}">
                <a16:creationId xmlns:a16="http://schemas.microsoft.com/office/drawing/2014/main" id="{E41EF83D-861F-43BD-ACDD-70665CF33947}"/>
              </a:ext>
            </a:extLst>
          </p:cNvPr>
          <p:cNvSpPr txBox="1"/>
          <p:nvPr userDrawn="1"/>
        </p:nvSpPr>
        <p:spPr>
          <a:xfrm>
            <a:off x="8172862" y="4992395"/>
            <a:ext cx="3755611" cy="1107996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r>
              <a:rPr lang="en-US" sz="1200" dirty="0"/>
              <a:t>Last step is to </a:t>
            </a:r>
            <a:r>
              <a:rPr lang="en-US" sz="1200" b="1" dirty="0"/>
              <a:t>open a clean presentation</a:t>
            </a:r>
            <a:r>
              <a:rPr lang="en-US" sz="1200" dirty="0"/>
              <a:t> – either find it in Templafy or press Ctrl+N.</a:t>
            </a:r>
          </a:p>
          <a:p>
            <a:endParaRPr lang="en-US" sz="1200" dirty="0"/>
          </a:p>
          <a:p>
            <a:r>
              <a:rPr lang="en-US" sz="1200" dirty="0"/>
              <a:t>Please copy all the slides in your presentation and paste them into the empty one. This will ensure that there are no extra layouts.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3551F8B8-A489-42DC-B2F3-3EFFE26184A4}"/>
              </a:ext>
            </a:extLst>
          </p:cNvPr>
          <p:cNvSpPr txBox="1"/>
          <p:nvPr userDrawn="1"/>
        </p:nvSpPr>
        <p:spPr>
          <a:xfrm>
            <a:off x="539752" y="1345639"/>
            <a:ext cx="4646080" cy="815608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2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829D0D2F-C258-4E37-97F1-2B81DF5286A7}"/>
              </a:ext>
            </a:extLst>
          </p:cNvPr>
          <p:cNvSpPr txBox="1"/>
          <p:nvPr userDrawn="1"/>
        </p:nvSpPr>
        <p:spPr>
          <a:xfrm>
            <a:off x="8329491" y="6476701"/>
            <a:ext cx="3837188" cy="2620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GB" sz="900" cap="all" baseline="0" dirty="0">
                <a:solidFill>
                  <a:srgbClr val="FF0000"/>
                </a:solidFill>
              </a:rPr>
              <a:t>This slide is to be deleted from the final presentation</a:t>
            </a:r>
          </a:p>
        </p:txBody>
      </p:sp>
    </p:spTree>
    <p:extLst>
      <p:ext uri="{BB962C8B-B14F-4D97-AF65-F5344CB8AC3E}">
        <p14:creationId xmlns:p14="http://schemas.microsoft.com/office/powerpoint/2010/main" val="2696071092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67600568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Final Slid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phic 7">
            <a:extLst>
              <a:ext uri="{FF2B5EF4-FFF2-40B4-BE49-F238E27FC236}">
                <a16:creationId xmlns:a16="http://schemas.microsoft.com/office/drawing/2014/main" id="{955EA737-E18C-4E98-8E86-B49DD32BD1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905686" y="3123000"/>
            <a:ext cx="4380627" cy="61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022599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er success stor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2884CF0-B8CC-4411-84B7-2834765247B6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E93AAA9D-96EF-4B45-A168-BE7AE571B3B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  <p:sp>
        <p:nvSpPr>
          <p:cNvPr id="7" name="Picture Placeholder 79">
            <a:extLst>
              <a:ext uri="{FF2B5EF4-FFF2-40B4-BE49-F238E27FC236}">
                <a16:creationId xmlns:a16="http://schemas.microsoft.com/office/drawing/2014/main" id="{6A081696-4D15-4A7C-A749-152CA509D17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263524" y="1012826"/>
            <a:ext cx="11663888" cy="3708456"/>
          </a:xfrm>
          <a:custGeom>
            <a:avLst/>
            <a:gdLst>
              <a:gd name="connsiteX0" fmla="*/ 0 w 11663888"/>
              <a:gd name="connsiteY0" fmla="*/ 0 h 3708456"/>
              <a:gd name="connsiteX1" fmla="*/ 7936894 w 11663888"/>
              <a:gd name="connsiteY1" fmla="*/ 0 h 3708456"/>
              <a:gd name="connsiteX2" fmla="*/ 7936894 w 11663888"/>
              <a:gd name="connsiteY2" fmla="*/ 3103947 h 3708456"/>
              <a:gd name="connsiteX3" fmla="*/ 11508808 w 11663888"/>
              <a:gd name="connsiteY3" fmla="*/ 3103947 h 3708456"/>
              <a:gd name="connsiteX4" fmla="*/ 11508808 w 11663888"/>
              <a:gd name="connsiteY4" fmla="*/ 0 h 3708456"/>
              <a:gd name="connsiteX5" fmla="*/ 11663888 w 11663888"/>
              <a:gd name="connsiteY5" fmla="*/ 0 h 3708456"/>
              <a:gd name="connsiteX6" fmla="*/ 11663888 w 11663888"/>
              <a:gd name="connsiteY6" fmla="*/ 3708456 h 3708456"/>
              <a:gd name="connsiteX7" fmla="*/ 11508808 w 11663888"/>
              <a:gd name="connsiteY7" fmla="*/ 3708456 h 3708456"/>
              <a:gd name="connsiteX8" fmla="*/ 11508808 w 11663888"/>
              <a:gd name="connsiteY8" fmla="*/ 3362192 h 3708456"/>
              <a:gd name="connsiteX9" fmla="*/ 7936894 w 11663888"/>
              <a:gd name="connsiteY9" fmla="*/ 3362192 h 3708456"/>
              <a:gd name="connsiteX10" fmla="*/ 7936894 w 11663888"/>
              <a:gd name="connsiteY10" fmla="*/ 3708456 h 3708456"/>
              <a:gd name="connsiteX11" fmla="*/ 7613676 w 11663888"/>
              <a:gd name="connsiteY11" fmla="*/ 3708456 h 3708456"/>
              <a:gd name="connsiteX12" fmla="*/ 7613676 w 11663888"/>
              <a:gd name="connsiteY12" fmla="*/ 3362192 h 3708456"/>
              <a:gd name="connsiteX13" fmla="*/ 4041762 w 11663888"/>
              <a:gd name="connsiteY13" fmla="*/ 3362192 h 3708456"/>
              <a:gd name="connsiteX14" fmla="*/ 4041762 w 11663888"/>
              <a:gd name="connsiteY14" fmla="*/ 3708456 h 3708456"/>
              <a:gd name="connsiteX15" fmla="*/ 3718544 w 11663888"/>
              <a:gd name="connsiteY15" fmla="*/ 3708456 h 3708456"/>
              <a:gd name="connsiteX16" fmla="*/ 3718544 w 11663888"/>
              <a:gd name="connsiteY16" fmla="*/ 3362192 h 3708456"/>
              <a:gd name="connsiteX17" fmla="*/ 146630 w 11663888"/>
              <a:gd name="connsiteY17" fmla="*/ 3362192 h 3708456"/>
              <a:gd name="connsiteX18" fmla="*/ 146630 w 11663888"/>
              <a:gd name="connsiteY18" fmla="*/ 3708456 h 3708456"/>
              <a:gd name="connsiteX19" fmla="*/ 0 w 11663888"/>
              <a:gd name="connsiteY19" fmla="*/ 3708456 h 37084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</a:cxnLst>
            <a:rect l="l" t="t" r="r" b="b"/>
            <a:pathLst>
              <a:path w="11663888" h="3708456">
                <a:moveTo>
                  <a:pt x="0" y="0"/>
                </a:moveTo>
                <a:lnTo>
                  <a:pt x="7936894" y="0"/>
                </a:lnTo>
                <a:lnTo>
                  <a:pt x="7936894" y="3103947"/>
                </a:lnTo>
                <a:lnTo>
                  <a:pt x="11508808" y="3103947"/>
                </a:lnTo>
                <a:lnTo>
                  <a:pt x="11508808" y="0"/>
                </a:lnTo>
                <a:lnTo>
                  <a:pt x="11663888" y="0"/>
                </a:lnTo>
                <a:lnTo>
                  <a:pt x="11663888" y="3708456"/>
                </a:lnTo>
                <a:lnTo>
                  <a:pt x="11508808" y="3708456"/>
                </a:lnTo>
                <a:lnTo>
                  <a:pt x="11508808" y="3362192"/>
                </a:lnTo>
                <a:lnTo>
                  <a:pt x="7936894" y="3362192"/>
                </a:lnTo>
                <a:lnTo>
                  <a:pt x="7936894" y="3708456"/>
                </a:lnTo>
                <a:lnTo>
                  <a:pt x="7613676" y="3708456"/>
                </a:lnTo>
                <a:lnTo>
                  <a:pt x="7613676" y="3362192"/>
                </a:lnTo>
                <a:lnTo>
                  <a:pt x="4041762" y="3362192"/>
                </a:lnTo>
                <a:lnTo>
                  <a:pt x="4041762" y="3708456"/>
                </a:lnTo>
                <a:lnTo>
                  <a:pt x="3718544" y="3708456"/>
                </a:lnTo>
                <a:lnTo>
                  <a:pt x="3718544" y="3362192"/>
                </a:lnTo>
                <a:lnTo>
                  <a:pt x="146630" y="3362192"/>
                </a:lnTo>
                <a:lnTo>
                  <a:pt x="146630" y="3708456"/>
                </a:lnTo>
                <a:lnTo>
                  <a:pt x="0" y="3708456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Font typeface="Arial" panose="020B0604020202020204" pitchFamily="34" charset="0"/>
              <a:buNone/>
              <a:defRPr/>
            </a:lvl1pPr>
          </a:lstStyle>
          <a:p>
            <a:r>
              <a:rPr lang="en-US" dirty="0"/>
              <a:t>Place image here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4B5009F-E92F-4880-A0EE-A87B70B60DBD}"/>
              </a:ext>
            </a:extLst>
          </p:cNvPr>
          <p:cNvSpPr txBox="1"/>
          <p:nvPr userDrawn="1"/>
        </p:nvSpPr>
        <p:spPr>
          <a:xfrm>
            <a:off x="410153" y="4375018"/>
            <a:ext cx="3571914" cy="1973585"/>
          </a:xfrm>
          <a:prstGeom prst="rect">
            <a:avLst/>
          </a:prstGeom>
          <a:solidFill>
            <a:srgbClr val="F2F2F2"/>
          </a:solidFill>
        </p:spPr>
        <p:txBody>
          <a:bodyPr wrap="square" lIns="182880" tIns="91440" rIns="18288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halleng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44FEF45-2E94-48C2-BA83-D3254453D771}"/>
              </a:ext>
            </a:extLst>
          </p:cNvPr>
          <p:cNvSpPr txBox="1"/>
          <p:nvPr userDrawn="1"/>
        </p:nvSpPr>
        <p:spPr>
          <a:xfrm>
            <a:off x="4305286" y="4375018"/>
            <a:ext cx="3571914" cy="1973585"/>
          </a:xfrm>
          <a:prstGeom prst="rect">
            <a:avLst/>
          </a:prstGeom>
          <a:solidFill>
            <a:srgbClr val="F2F2F2"/>
          </a:solidFill>
        </p:spPr>
        <p:txBody>
          <a:bodyPr wrap="square" lIns="182880" tIns="91440" rIns="18288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olution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1F19346-E3E6-48B5-BE5A-CD05AC28EB44}"/>
              </a:ext>
            </a:extLst>
          </p:cNvPr>
          <p:cNvSpPr txBox="1"/>
          <p:nvPr userDrawn="1"/>
        </p:nvSpPr>
        <p:spPr>
          <a:xfrm>
            <a:off x="8200419" y="4375018"/>
            <a:ext cx="3571914" cy="1973585"/>
          </a:xfrm>
          <a:prstGeom prst="rect">
            <a:avLst/>
          </a:prstGeom>
          <a:solidFill>
            <a:srgbClr val="F2F2F2"/>
          </a:solidFill>
        </p:spPr>
        <p:txBody>
          <a:bodyPr wrap="square" lIns="182880" tIns="91440" rIns="18288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mpact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5F9952FE-1635-4596-BDAA-240562160106}"/>
              </a:ext>
            </a:extLst>
          </p:cNvPr>
          <p:cNvSpPr/>
          <p:nvPr userDrawn="1"/>
        </p:nvSpPr>
        <p:spPr>
          <a:xfrm>
            <a:off x="8200419" y="1012826"/>
            <a:ext cx="3571914" cy="3127127"/>
          </a:xfrm>
          <a:prstGeom prst="rect">
            <a:avLst/>
          </a:prstGeom>
          <a:solidFill>
            <a:srgbClr val="FF002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16" name="Text Placeholder 13">
            <a:extLst>
              <a:ext uri="{FF2B5EF4-FFF2-40B4-BE49-F238E27FC236}">
                <a16:creationId xmlns:a16="http://schemas.microsoft.com/office/drawing/2014/main" id="{E1B018B0-DD3B-499F-BFAA-CA6CF8707B6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386097" y="1552575"/>
            <a:ext cx="3200558" cy="1658412"/>
          </a:xfrm>
          <a:noFill/>
        </p:spPr>
        <p:txBody>
          <a:bodyPr lIns="0" tIns="0" rIns="0" bIns="0"/>
          <a:lstStyle>
            <a:lvl1pPr algn="l">
              <a:spcBef>
                <a:spcPts val="0"/>
              </a:spcBef>
              <a:buNone/>
              <a:defRPr sz="1600" b="0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2pPr>
            <a:lvl3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3pPr>
            <a:lvl4pPr marL="180000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4pPr>
            <a:lvl5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customer quote</a:t>
            </a:r>
            <a:endParaRPr lang="de-DE" dirty="0"/>
          </a:p>
        </p:txBody>
      </p:sp>
      <p:sp>
        <p:nvSpPr>
          <p:cNvPr id="17" name="Text Placeholder 13">
            <a:extLst>
              <a:ext uri="{FF2B5EF4-FFF2-40B4-BE49-F238E27FC236}">
                <a16:creationId xmlns:a16="http://schemas.microsoft.com/office/drawing/2014/main" id="{28A10245-B2E1-4131-8F6A-1EDCB46763B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05430" y="4829175"/>
            <a:ext cx="3181360" cy="1519428"/>
          </a:xfrm>
          <a:noFill/>
        </p:spPr>
        <p:txBody>
          <a:bodyPr lIns="0" tIns="0" rIns="0" bIns="91440"/>
          <a:lstStyle>
            <a:lvl1pPr>
              <a:buNone/>
              <a:defRPr sz="1600" b="0"/>
            </a:lvl1pPr>
            <a:lvl2pPr marL="0" indent="0">
              <a:buNone/>
              <a:defRPr sz="1600" b="0"/>
            </a:lvl2pPr>
            <a:lvl3pPr marL="179025" indent="0">
              <a:buNone/>
              <a:defRPr b="0"/>
            </a:lvl3pPr>
            <a:lvl4pPr marL="180000" indent="0">
              <a:buNone/>
              <a:defRPr b="0"/>
            </a:lvl4pPr>
            <a:lvl5pPr marL="179025" indent="0">
              <a:buNone/>
              <a:defRPr b="0"/>
            </a:lvl5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 dirty="0"/>
              <a:t>Click to add the impact</a:t>
            </a:r>
            <a:endParaRPr lang="de-DE" dirty="0"/>
          </a:p>
          <a:p>
            <a:pPr lvl="1"/>
            <a:r>
              <a:rPr lang="en-US" dirty="0"/>
              <a:t>Second level</a:t>
            </a:r>
          </a:p>
          <a:p>
            <a:pPr lvl="1"/>
            <a:r>
              <a:rPr lang="en-US" dirty="0"/>
              <a:t>Third level</a:t>
            </a:r>
          </a:p>
          <a:p>
            <a:pPr lvl="0"/>
            <a:r>
              <a:rPr lang="en-US" dirty="0"/>
              <a:t>Fourth level</a:t>
            </a:r>
          </a:p>
        </p:txBody>
      </p:sp>
      <p:sp>
        <p:nvSpPr>
          <p:cNvPr id="18" name="Text Placeholder 13">
            <a:extLst>
              <a:ext uri="{FF2B5EF4-FFF2-40B4-BE49-F238E27FC236}">
                <a16:creationId xmlns:a16="http://schemas.microsoft.com/office/drawing/2014/main" id="{BE96A79A-9ED7-43F2-9C41-F8E7CA8514E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86097" y="3210987"/>
            <a:ext cx="3200558" cy="218011"/>
          </a:xfrm>
          <a:noFill/>
        </p:spPr>
        <p:txBody>
          <a:bodyPr lIns="0" tIns="0" rIns="0" bIns="0"/>
          <a:lstStyle>
            <a:lvl1pPr>
              <a:spcBef>
                <a:spcPts val="0"/>
              </a:spcBef>
              <a:buNone/>
              <a:defRPr sz="1400" b="1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None/>
              <a:defRPr sz="1400">
                <a:solidFill>
                  <a:schemeClr val="bg1"/>
                </a:solidFill>
              </a:defRPr>
            </a:lvl2pPr>
            <a:lvl3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3pPr>
            <a:lvl4pPr marL="180000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4pPr>
            <a:lvl5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ustomer Name</a:t>
            </a:r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41E533E-77CD-4A4C-9C60-964C29C3FD2D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386097" y="3469232"/>
            <a:ext cx="3200558" cy="647541"/>
          </a:xfrm>
          <a:noFill/>
        </p:spPr>
        <p:txBody>
          <a:bodyPr lIns="0" tIns="0" rIns="0" bIns="0"/>
          <a:lstStyle>
            <a:lvl1pPr>
              <a:spcBef>
                <a:spcPts val="0"/>
              </a:spcBef>
              <a:buNone/>
              <a:defRPr sz="1400" b="0">
                <a:solidFill>
                  <a:schemeClr val="bg1"/>
                </a:solidFill>
              </a:defRPr>
            </a:lvl1pPr>
            <a:lvl2pPr marL="0" indent="0">
              <a:spcBef>
                <a:spcPts val="0"/>
              </a:spcBef>
              <a:buNone/>
              <a:defRPr sz="1400">
                <a:solidFill>
                  <a:schemeClr val="bg1"/>
                </a:solidFill>
              </a:defRPr>
            </a:lvl2pPr>
            <a:lvl3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3pPr>
            <a:lvl4pPr marL="180000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4pPr>
            <a:lvl5pPr marL="179025" indent="0"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de-DE" dirty="0"/>
              <a:t>Customer Title and Company</a:t>
            </a:r>
            <a:endParaRPr lang="en-US" dirty="0"/>
          </a:p>
        </p:txBody>
      </p:sp>
      <p:sp>
        <p:nvSpPr>
          <p:cNvPr id="20" name="Text Placeholder 13">
            <a:extLst>
              <a:ext uri="{FF2B5EF4-FFF2-40B4-BE49-F238E27FC236}">
                <a16:creationId xmlns:a16="http://schemas.microsoft.com/office/drawing/2014/main" id="{2F993A74-ACFF-4D88-B3DC-B6CFC63F6CC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00563" y="4829175"/>
            <a:ext cx="3181360" cy="1519428"/>
          </a:xfrm>
          <a:noFill/>
        </p:spPr>
        <p:txBody>
          <a:bodyPr lIns="0" tIns="0" rIns="0" bIns="91440"/>
          <a:lstStyle>
            <a:lvl1pPr>
              <a:buNone/>
              <a:defRPr sz="1600" b="0"/>
            </a:lvl1pPr>
            <a:lvl2pPr marL="0" indent="0">
              <a:buNone/>
              <a:defRPr sz="1600" b="0"/>
            </a:lvl2pPr>
            <a:lvl3pPr marL="179025" indent="0">
              <a:buNone/>
              <a:defRPr b="0"/>
            </a:lvl3pPr>
            <a:lvl4pPr marL="180000" indent="0">
              <a:buNone/>
              <a:defRPr b="0"/>
            </a:lvl4pPr>
            <a:lvl5pPr marL="179025" indent="0">
              <a:buNone/>
              <a:defRPr b="0"/>
            </a:lvl5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 dirty="0"/>
              <a:t>Click to add the solution</a:t>
            </a:r>
            <a:endParaRPr lang="de-DE" dirty="0"/>
          </a:p>
          <a:p>
            <a:pPr lvl="1"/>
            <a:r>
              <a:rPr lang="en-US" dirty="0"/>
              <a:t>Second level</a:t>
            </a:r>
          </a:p>
          <a:p>
            <a:pPr lvl="1"/>
            <a:r>
              <a:rPr lang="en-US" dirty="0"/>
              <a:t>Third level</a:t>
            </a:r>
          </a:p>
          <a:p>
            <a:pPr lvl="0"/>
            <a:r>
              <a:rPr lang="en-US" dirty="0"/>
              <a:t>Fourth level</a:t>
            </a:r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F9F8111E-985B-4F90-B47D-C4F2335AD28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395696" y="4829175"/>
            <a:ext cx="3181360" cy="1519428"/>
          </a:xfrm>
          <a:noFill/>
        </p:spPr>
        <p:txBody>
          <a:bodyPr lIns="0" tIns="0" rIns="0" bIns="91440"/>
          <a:lstStyle>
            <a:lvl1pPr>
              <a:buNone/>
              <a:defRPr sz="1600" b="0"/>
            </a:lvl1pPr>
            <a:lvl2pPr marL="0" indent="0">
              <a:buNone/>
              <a:defRPr sz="1600" b="0"/>
            </a:lvl2pPr>
            <a:lvl3pPr marL="179025" indent="0">
              <a:buNone/>
              <a:defRPr b="0"/>
            </a:lvl3pPr>
            <a:lvl4pPr marL="180000" indent="0">
              <a:buNone/>
              <a:defRPr b="0"/>
            </a:lvl4pPr>
            <a:lvl5pPr marL="179025" indent="0">
              <a:buNone/>
              <a:defRPr b="0"/>
            </a:lvl5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lang="en-US" dirty="0"/>
              <a:t>Click to add the impact</a:t>
            </a:r>
            <a:endParaRPr lang="de-DE" dirty="0"/>
          </a:p>
          <a:p>
            <a:pPr lvl="1"/>
            <a:r>
              <a:rPr lang="en-US" dirty="0"/>
              <a:t>Second level</a:t>
            </a:r>
          </a:p>
          <a:p>
            <a:pPr lvl="1"/>
            <a:r>
              <a:rPr lang="en-US" dirty="0"/>
              <a:t>Third level</a:t>
            </a:r>
          </a:p>
          <a:p>
            <a:pPr lvl="0"/>
            <a:r>
              <a:rPr lang="en-US" dirty="0"/>
              <a:t>Fourth level</a:t>
            </a: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2DA2A31D-D544-445B-8E0D-2E4EA8E4BC8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386097" y="1208406"/>
            <a:ext cx="416663" cy="2777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3417655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Red box (1.1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5EFDDFA6-A169-418F-B10F-BD5F68A5495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20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443FC17-BCDF-43B2-ACE2-E95733DC12BE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125538"/>
            <a:ext cx="3672236" cy="4471200"/>
          </a:xfrm>
          <a:solidFill>
            <a:schemeClr val="tx2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2884CF0-B8CC-4411-84B7-2834765247B6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E93AAA9D-96EF-4B45-A168-BE7AE571B3B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0867406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White box (1.1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0DEC4303-B6CF-46B0-B379-C819ED7C21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7199"/>
            <a:ext cx="8856000" cy="435600"/>
          </a:xfrm>
        </p:spPr>
        <p:txBody>
          <a:bodyPr anchor="ctr">
            <a:noAutofit/>
          </a:bodyPr>
          <a:lstStyle>
            <a:lvl1pPr>
              <a:defRPr sz="24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5EFDDFA6-A169-418F-B10F-BD5F68A5495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1" y="882650"/>
            <a:ext cx="12192000" cy="5462588"/>
          </a:xfrm>
          <a:noFill/>
        </p:spPr>
        <p:txBody>
          <a:bodyPr tIns="756000" anchor="ctr"/>
          <a:lstStyle>
            <a:lvl1pPr algn="ctr">
              <a:defRPr>
                <a:solidFill>
                  <a:srgbClr val="737373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443FC17-BCDF-43B2-ACE2-E95733DC12BE}"/>
              </a:ext>
            </a:extLst>
          </p:cNvPr>
          <p:cNvSpPr>
            <a:spLocks noGrp="1"/>
          </p:cNvSpPr>
          <p:nvPr>
            <p:ph sz="quarter" idx="27"/>
          </p:nvPr>
        </p:nvSpPr>
        <p:spPr bwMode="gray">
          <a:xfrm>
            <a:off x="263525" y="1125538"/>
            <a:ext cx="3672236" cy="4471200"/>
          </a:xfrm>
          <a:solidFill>
            <a:schemeClr val="bg1"/>
          </a:solidFill>
        </p:spPr>
        <p:txBody>
          <a:bodyPr lIns="324000" tIns="252000" rIns="324000" bIns="46800"/>
          <a:lstStyle>
            <a:lvl1pPr>
              <a:lnSpc>
                <a:spcPct val="100000"/>
              </a:lnSpc>
              <a:spcBef>
                <a:spcPts val="600"/>
              </a:spcBef>
              <a:defRPr sz="2000" b="0">
                <a:solidFill>
                  <a:schemeClr val="tx1"/>
                </a:solidFill>
              </a:defRPr>
            </a:lvl1pPr>
            <a:lvl2pPr>
              <a:lnSpc>
                <a:spcPct val="100000"/>
              </a:lnSpc>
              <a:spcBef>
                <a:spcPts val="600"/>
              </a:spcBef>
              <a:defRPr sz="2000" b="1"/>
            </a:lvl2pPr>
            <a:lvl3pPr>
              <a:lnSpc>
                <a:spcPct val="100000"/>
              </a:lnSpc>
              <a:spcBef>
                <a:spcPts val="600"/>
              </a:spcBef>
              <a:defRPr/>
            </a:lvl3pPr>
            <a:lvl4pPr>
              <a:lnSpc>
                <a:spcPct val="100000"/>
              </a:lnSpc>
              <a:spcBef>
                <a:spcPts val="600"/>
              </a:spcBef>
              <a:defRPr/>
            </a:lvl4pPr>
            <a:lvl5pPr>
              <a:lnSpc>
                <a:spcPct val="100000"/>
              </a:lnSpc>
              <a:spcBef>
                <a:spcPts val="6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98C4BE0-712D-49E7-8E1B-985C4FD7131F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83A4D381-A81E-4275-9648-422D63CC261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6790589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image" Target="../media/image1.emf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image" Target="../media/image2.emf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4B857974-89ED-4489-9966-AE9110F9D2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3524" y="188120"/>
            <a:ext cx="8855276" cy="43400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2617D3C-37DD-4293-9541-6E35F5A6202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63525" y="1376363"/>
            <a:ext cx="11657546" cy="4968874"/>
          </a:xfrm>
          <a:prstGeom prst="rect">
            <a:avLst/>
          </a:prstGeom>
        </p:spPr>
        <p:txBody>
          <a:bodyPr vert="horz" lIns="0" tIns="10800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8F0C02-0951-4EF2-B93F-6FE591A22B5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265236" y="6470788"/>
            <a:ext cx="302400" cy="3024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900">
                <a:solidFill>
                  <a:schemeClr val="tx1"/>
                </a:solidFill>
              </a:defRPr>
            </a:lvl1pPr>
          </a:lstStyle>
          <a:p>
            <a:fld id="{C24EC536-6FE3-4540-8D85-74C58F0BF697}" type="slidenum">
              <a:rPr lang="en-US" smtClean="0"/>
              <a:pPr/>
              <a:t>‹#›</a:t>
            </a:fld>
            <a:endParaRPr lang="en-US" dirty="0"/>
          </a:p>
        </p:txBody>
      </p:sp>
      <p:grpSp>
        <p:nvGrpSpPr>
          <p:cNvPr id="7" name="Group 7">
            <a:extLst>
              <a:ext uri="{FF2B5EF4-FFF2-40B4-BE49-F238E27FC236}">
                <a16:creationId xmlns:a16="http://schemas.microsoft.com/office/drawing/2014/main" id="{35D3D526-9348-4093-B32C-CDB50CF9A0CD}"/>
              </a:ext>
            </a:extLst>
          </p:cNvPr>
          <p:cNvGrpSpPr/>
          <p:nvPr userDrawn="1"/>
        </p:nvGrpSpPr>
        <p:grpSpPr>
          <a:xfrm>
            <a:off x="-3" y="794367"/>
            <a:ext cx="12192003" cy="88389"/>
            <a:chOff x="-3" y="794367"/>
            <a:chExt cx="12192003" cy="88389"/>
          </a:xfrm>
        </p:grpSpPr>
        <p:sp>
          <p:nvSpPr>
            <p:cNvPr id="9" name="正方形/長方形 11">
              <a:extLst>
                <a:ext uri="{FF2B5EF4-FFF2-40B4-BE49-F238E27FC236}">
                  <a16:creationId xmlns:a16="http://schemas.microsoft.com/office/drawing/2014/main" id="{1E48A1FD-7CC4-46D8-A2E1-6F03829DD1A3}"/>
                </a:ext>
              </a:extLst>
            </p:cNvPr>
            <p:cNvSpPr>
              <a:spLocks noChangeArrowheads="1"/>
            </p:cNvSpPr>
            <p:nvPr userDrawn="1"/>
          </p:nvSpPr>
          <p:spPr bwMode="gray">
            <a:xfrm>
              <a:off x="0" y="794367"/>
              <a:ext cx="12192000" cy="88389"/>
            </a:xfrm>
            <a:prstGeom prst="rect">
              <a:avLst/>
            </a:prstGeom>
            <a:solidFill>
              <a:srgbClr val="73737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anchor="ctr"/>
            <a:lstStyle/>
            <a:p>
              <a:pPr>
                <a:defRPr/>
              </a:pPr>
              <a:endParaRPr lang="en-US" altLang="ja-JP" sz="4623" dirty="0"/>
            </a:p>
          </p:txBody>
        </p:sp>
        <p:grpSp>
          <p:nvGrpSpPr>
            <p:cNvPr id="4" name="グループ化 62">
              <a:extLst>
                <a:ext uri="{FF2B5EF4-FFF2-40B4-BE49-F238E27FC236}">
                  <a16:creationId xmlns:a16="http://schemas.microsoft.com/office/drawing/2014/main" id="{FB718612-AF5B-443E-AA3F-204A104F4A23}"/>
                </a:ext>
              </a:extLst>
            </p:cNvPr>
            <p:cNvGrpSpPr/>
            <p:nvPr userDrawn="1"/>
          </p:nvGrpSpPr>
          <p:grpSpPr>
            <a:xfrm>
              <a:off x="-3" y="794367"/>
              <a:ext cx="1757857" cy="88389"/>
              <a:chOff x="-3" y="794367"/>
              <a:chExt cx="1757857" cy="88389"/>
            </a:xfrm>
          </p:grpSpPr>
          <p:sp>
            <p:nvSpPr>
              <p:cNvPr id="11" name="正方形/長方形 69">
                <a:extLst>
                  <a:ext uri="{FF2B5EF4-FFF2-40B4-BE49-F238E27FC236}">
                    <a16:creationId xmlns:a16="http://schemas.microsoft.com/office/drawing/2014/main" id="{9A85BBEC-5D35-4BF5-AE00-6E8C440A4B0F}"/>
                  </a:ext>
                </a:extLst>
              </p:cNvPr>
              <p:cNvSpPr/>
              <p:nvPr/>
            </p:nvSpPr>
            <p:spPr bwMode="gray">
              <a:xfrm>
                <a:off x="-3" y="794367"/>
                <a:ext cx="1757857" cy="88389"/>
              </a:xfrm>
              <a:prstGeom prst="rect">
                <a:avLst/>
              </a:prstGeom>
              <a:solidFill>
                <a:srgbClr val="FF0026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  <p:sp>
            <p:nvSpPr>
              <p:cNvPr id="12" name="正方形/長方形 70">
                <a:extLst>
                  <a:ext uri="{FF2B5EF4-FFF2-40B4-BE49-F238E27FC236}">
                    <a16:creationId xmlns:a16="http://schemas.microsoft.com/office/drawing/2014/main" id="{6E132C21-2E20-429A-B4D8-7A0170B79AFF}"/>
                  </a:ext>
                </a:extLst>
              </p:cNvPr>
              <p:cNvSpPr/>
              <p:nvPr/>
            </p:nvSpPr>
            <p:spPr bwMode="gray">
              <a:xfrm>
                <a:off x="-3" y="794367"/>
                <a:ext cx="879637" cy="88389"/>
              </a:xfrm>
              <a:prstGeom prst="rect">
                <a:avLst/>
              </a:prstGeom>
              <a:solidFill>
                <a:srgbClr val="B3B3B3"/>
              </a:solidFill>
              <a:ln w="9525">
                <a:noFill/>
                <a:miter lim="800000"/>
                <a:headEnd/>
                <a:tailEnd/>
              </a:ln>
              <a:effectLst/>
            </p:spPr>
            <p:txBody>
              <a:bodyPr wrap="none" anchor="ctr"/>
              <a:lstStyle/>
              <a:p>
                <a:pPr algn="l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kumimoji="0" lang="en-US" altLang="ja-JP" sz="2400" kern="0" dirty="0">
                  <a:solidFill>
                    <a:sysClr val="windowText" lastClr="000000"/>
                  </a:solidFill>
                </a:endParaRPr>
              </a:p>
            </p:txBody>
          </p:sp>
        </p:grpSp>
      </p:grpSp>
      <p:sp>
        <p:nvSpPr>
          <p:cNvPr id="5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A1096FB2-55CC-4081-8128-E81939554EB4}"/>
              </a:ext>
            </a:extLst>
          </p:cNvPr>
          <p:cNvSpPr txBox="1"/>
          <p:nvPr userDrawn="1"/>
        </p:nvSpPr>
        <p:spPr bwMode="gray">
          <a:xfrm>
            <a:off x="777600" y="6543351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Hitachi Energy. All rights reserved.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FFB88921-A82A-4247-8321-A98985FF905A}"/>
              </a:ext>
            </a:extLst>
          </p:cNvPr>
          <p:cNvPicPr>
            <a:picLocks noChangeAspect="1"/>
          </p:cNvPicPr>
          <p:nvPr userDrawn="1"/>
        </p:nvPicPr>
        <p:blipFill>
          <a:blip r:embed="rId6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339200" y="187200"/>
            <a:ext cx="1590204" cy="45360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A8C0378C-3723-4D68-A0A0-CAF43876A10F}"/>
              </a:ext>
            </a:extLst>
          </p:cNvPr>
          <p:cNvPicPr>
            <a:picLocks noChangeAspect="1"/>
          </p:cNvPicPr>
          <p:nvPr userDrawn="1"/>
        </p:nvPicPr>
        <p:blipFill>
          <a:blip r:embed="rId6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112400" y="6462000"/>
            <a:ext cx="1810800" cy="250551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key1/&gt;&quot;,&#10; &quot;bindingCollection&quot;: {&#10; &quot;key1&quot;: {&quot;SkabelonDesign&quot;:{&quot;type&quot;:&quot;Text&quot;,&quot;binding&quot;:&quot;SecurityLevel&quot;}}&#10; }&#10; }&#10;}">
            <a:extLst>
              <a:ext uri="{FF2B5EF4-FFF2-40B4-BE49-F238E27FC236}">
                <a16:creationId xmlns:a16="http://schemas.microsoft.com/office/drawing/2014/main" id="{0A2DA7D7-5D66-4B1B-AC7A-77551DFCC007}"/>
              </a:ext>
            </a:extLst>
          </p:cNvPr>
          <p:cNvSpPr txBox="1"/>
          <p:nvPr userDrawn="1"/>
        </p:nvSpPr>
        <p:spPr bwMode="gray">
          <a:xfrm>
            <a:off x="777600" y="6411600"/>
            <a:ext cx="24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9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9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Footer Placeholder 5">
            <a:extLst>
              <a:ext uri="{FF2B5EF4-FFF2-40B4-BE49-F238E27FC236}">
                <a16:creationId xmlns:a16="http://schemas.microsoft.com/office/drawing/2014/main" id="{9F002FA9-794F-4A44-8CDC-77FBE41D3AF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416400" y="6433200"/>
            <a:ext cx="6123600" cy="255600"/>
          </a:xfrm>
          <a:prstGeom prst="rect">
            <a:avLst/>
          </a:prstGeom>
        </p:spPr>
        <p:txBody>
          <a:bodyPr lIns="0" tIns="0" rIns="0" bIns="0" anchor="b"/>
          <a:lstStyle>
            <a:lvl1pPr>
              <a:defRPr sz="9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159385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5" r:id="rId1"/>
    <p:sldLayoutId id="2147483748" r:id="rId2"/>
    <p:sldLayoutId id="2147483747" r:id="rId3"/>
    <p:sldLayoutId id="2147483744" r:id="rId4"/>
    <p:sldLayoutId id="2147483665" r:id="rId5"/>
    <p:sldLayoutId id="2147483663" r:id="rId6"/>
    <p:sldLayoutId id="2147483749" r:id="rId7"/>
    <p:sldLayoutId id="2147483699" r:id="rId8"/>
    <p:sldLayoutId id="2147483717" r:id="rId9"/>
    <p:sldLayoutId id="2147483711" r:id="rId10"/>
    <p:sldLayoutId id="2147483718" r:id="rId11"/>
    <p:sldLayoutId id="2147483712" r:id="rId12"/>
    <p:sldLayoutId id="2147483719" r:id="rId13"/>
    <p:sldLayoutId id="2147483700" r:id="rId14"/>
    <p:sldLayoutId id="2147483720" r:id="rId15"/>
    <p:sldLayoutId id="2147483721" r:id="rId16"/>
    <p:sldLayoutId id="2147483722" r:id="rId17"/>
    <p:sldLayoutId id="2147483723" r:id="rId18"/>
    <p:sldLayoutId id="2147483724" r:id="rId19"/>
    <p:sldLayoutId id="2147483725" r:id="rId20"/>
    <p:sldLayoutId id="2147483726" r:id="rId21"/>
    <p:sldLayoutId id="2147483695" r:id="rId22"/>
    <p:sldLayoutId id="2147483693" r:id="rId23"/>
    <p:sldLayoutId id="2147483694" r:id="rId24"/>
    <p:sldLayoutId id="2147483690" r:id="rId25"/>
    <p:sldLayoutId id="2147483691" r:id="rId26"/>
    <p:sldLayoutId id="2147483701" r:id="rId27"/>
    <p:sldLayoutId id="2147483702" r:id="rId28"/>
    <p:sldLayoutId id="2147483728" r:id="rId29"/>
    <p:sldLayoutId id="2147483729" r:id="rId30"/>
    <p:sldLayoutId id="2147483686" r:id="rId31"/>
    <p:sldLayoutId id="2147483687" r:id="rId32"/>
    <p:sldLayoutId id="2147483730" r:id="rId33"/>
    <p:sldLayoutId id="2147483671" r:id="rId34"/>
    <p:sldLayoutId id="2147483672" r:id="rId35"/>
    <p:sldLayoutId id="2147483731" r:id="rId36"/>
    <p:sldLayoutId id="2147483696" r:id="rId37"/>
    <p:sldLayoutId id="2147483697" r:id="rId38"/>
    <p:sldLayoutId id="2147483713" r:id="rId39"/>
    <p:sldLayoutId id="2147483708" r:id="rId40"/>
    <p:sldLayoutId id="2147483650" r:id="rId41"/>
    <p:sldLayoutId id="2147483666" r:id="rId42"/>
    <p:sldLayoutId id="2147483732" r:id="rId43"/>
    <p:sldLayoutId id="2147483685" r:id="rId44"/>
    <p:sldLayoutId id="2147483709" r:id="rId45"/>
    <p:sldLayoutId id="2147483733" r:id="rId46"/>
    <p:sldLayoutId id="2147483667" r:id="rId47"/>
    <p:sldLayoutId id="2147483668" r:id="rId48"/>
    <p:sldLayoutId id="2147483734" r:id="rId49"/>
    <p:sldLayoutId id="2147483675" r:id="rId50"/>
    <p:sldLayoutId id="2147483676" r:id="rId51"/>
    <p:sldLayoutId id="2147483681" r:id="rId52"/>
    <p:sldLayoutId id="2147483684" r:id="rId53"/>
    <p:sldLayoutId id="2147483688" r:id="rId54"/>
    <p:sldLayoutId id="2147483689" r:id="rId55"/>
    <p:sldLayoutId id="2147483698" r:id="rId56"/>
    <p:sldLayoutId id="2147483710" r:id="rId57"/>
    <p:sldLayoutId id="2147483704" r:id="rId58"/>
    <p:sldLayoutId id="2147483714" r:id="rId59"/>
    <p:sldLayoutId id="2147483739" r:id="rId60"/>
    <p:sldLayoutId id="2147483715" r:id="rId61"/>
    <p:sldLayoutId id="2147483750" r:id="rId62"/>
  </p:sldLayoutIdLst>
  <p:hf hdr="0" dt="0"/>
  <p:txStyles>
    <p:titleStyle>
      <a:lvl1pPr algn="l" defTabSz="914400" rtl="0" eaLnBrk="1" latinLnBrk="0" hangingPunct="1">
        <a:lnSpc>
          <a:spcPct val="95000"/>
        </a:lnSpc>
        <a:spcBef>
          <a:spcPct val="0"/>
        </a:spcBef>
        <a:buNone/>
        <a:defRPr sz="2400" b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36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12000" algn="l" defTabSz="3175" rtl="0" eaLnBrk="1" latinLnBrk="0" hangingPunct="1">
        <a:defRPr sz="1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2pPr>
      <a:lvl3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4pPr>
      <a:lvl5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5pPr>
      <a:lvl6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66" userDrawn="1">
          <p15:clr>
            <a:srgbClr val="F26B43"/>
          </p15:clr>
        </p15:guide>
        <p15:guide id="2" pos="7514" userDrawn="1">
          <p15:clr>
            <a:srgbClr val="F26B43"/>
          </p15:clr>
        </p15:guide>
        <p15:guide id="3" orient="horz" pos="709" userDrawn="1">
          <p15:clr>
            <a:srgbClr val="F26B43"/>
          </p15:clr>
        </p15:guide>
        <p15:guide id="4" orient="horz" pos="3997" userDrawn="1">
          <p15:clr>
            <a:srgbClr val="F26B43"/>
          </p15:clr>
        </p15:guide>
        <p15:guide id="5" pos="3840" userDrawn="1">
          <p15:clr>
            <a:srgbClr val="F26B43"/>
          </p15:clr>
        </p15:guide>
        <p15:guide id="6" orient="horz" pos="2364" userDrawn="1">
          <p15:clr>
            <a:srgbClr val="F26B43"/>
          </p15:clr>
        </p15:guide>
        <p15:guide id="7" orient="horz" pos="1321" userDrawn="1">
          <p15:clr>
            <a:srgbClr val="A4A3A4"/>
          </p15:clr>
        </p15:guide>
        <p15:guide id="8" orient="horz" pos="86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svg"/><Relationship Id="rId3" Type="http://schemas.openxmlformats.org/officeDocument/2006/relationships/slideLayout" Target="../slideLayouts/slideLayout2.xml"/><Relationship Id="rId7" Type="http://schemas.openxmlformats.org/officeDocument/2006/relationships/image" Target="../media/image6.png"/><Relationship Id="rId12" Type="http://schemas.openxmlformats.org/officeDocument/2006/relationships/image" Target="../media/image38.sv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35.svg"/><Relationship Id="rId11" Type="http://schemas.openxmlformats.org/officeDocument/2006/relationships/image" Target="../media/image10.png"/><Relationship Id="rId5" Type="http://schemas.openxmlformats.org/officeDocument/2006/relationships/image" Target="../media/image4.png"/><Relationship Id="rId10" Type="http://schemas.openxmlformats.org/officeDocument/2006/relationships/image" Target="../media/image37.svg"/><Relationship Id="rId4" Type="http://schemas.openxmlformats.org/officeDocument/2006/relationships/image" Target="../media/image3.jpg"/><Relationship Id="rId9" Type="http://schemas.openxmlformats.org/officeDocument/2006/relationships/image" Target="../media/image8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9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9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6" Type="http://schemas.openxmlformats.org/officeDocument/2006/relationships/image" Target="../media/image40.png"/><Relationship Id="rId5" Type="http://schemas.openxmlformats.org/officeDocument/2006/relationships/image" Target="../media/image39.png"/><Relationship Id="rId4" Type="http://schemas.openxmlformats.org/officeDocument/2006/relationships/notesSlide" Target="../notesSlides/notesSlide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7" Type="http://schemas.openxmlformats.org/officeDocument/2006/relationships/image" Target="../media/image46.png"/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39.xml"/><Relationship Id="rId6" Type="http://schemas.openxmlformats.org/officeDocument/2006/relationships/image" Target="../media/image45.png"/><Relationship Id="rId5" Type="http://schemas.openxmlformats.org/officeDocument/2006/relationships/image" Target="../media/image44.png"/><Relationship Id="rId4" Type="http://schemas.openxmlformats.org/officeDocument/2006/relationships/image" Target="../media/image43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chart" Target="../charts/chart1.xml"/><Relationship Id="rId1" Type="http://schemas.openxmlformats.org/officeDocument/2006/relationships/slideLayout" Target="../slideLayouts/slideLayout3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2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8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notesSlide" Target="../notesSlides/notesSlide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 descr="A group of wind turbines&#10;&#10;Description automatically generated with low confidence">
            <a:extLst>
              <a:ext uri="{FF2B5EF4-FFF2-40B4-BE49-F238E27FC236}">
                <a16:creationId xmlns:a16="http://schemas.microsoft.com/office/drawing/2014/main" id="{09BEB5C5-23E2-4363-B393-D90DEFFE6ECD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" r="16"/>
          <a:stretch>
            <a:fillRect/>
          </a:stretch>
        </p:blipFill>
        <p:spPr/>
      </p:pic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E1B1CDA-51EE-494A-A643-2AB79D8C81E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A6214E-171D-4884-8716-A4BBA31965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24EC536-6FE3-4540-8D85-74C58F0BF697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0C0D4F24-9B92-457F-A8B6-4A24FE8ACF7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pPr algn="l"/>
            <a:r>
              <a:rPr lang="en-US" sz="9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2023-06-01</a:t>
            </a:r>
            <a:endParaRPr lang="en-GB" sz="900" dirty="0">
              <a:solidFill>
                <a:schemeClr val="tx1"/>
              </a:solidFill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C252039F-651A-441D-95E3-A845A0A001E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2400" dirty="0"/>
              <a:t>User Acceptance Testing Automation – Productivity Time Savings</a:t>
            </a:r>
            <a:endParaRPr lang="en-DK" sz="2400" dirty="0"/>
          </a:p>
        </p:txBody>
      </p:sp>
      <p:sp>
        <p:nvSpPr>
          <p:cNvPr id="13" name="Subtitle 12">
            <a:extLst>
              <a:ext uri="{FF2B5EF4-FFF2-40B4-BE49-F238E27FC236}">
                <a16:creationId xmlns:a16="http://schemas.microsoft.com/office/drawing/2014/main" id="{85915480-4FC0-47E9-8D03-127D340317F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Automation on giving user inputs in SPACE(</a:t>
            </a:r>
            <a:r>
              <a:rPr lang="en-US" dirty="0" err="1"/>
              <a:t>Thingworx</a:t>
            </a:r>
            <a:r>
              <a:rPr lang="en-US" dirty="0"/>
              <a:t>) for UAT</a:t>
            </a:r>
            <a:endParaRPr lang="en-DK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8EEDD9D9-2D29-46EC-B4A7-FE64710E4ED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pPr>
              <a:buNone/>
            </a:pPr>
            <a:r>
              <a:rPr lang="en-US" dirty="0"/>
              <a:t>Chidharth M</a:t>
            </a:r>
            <a:endParaRPr lang="en-DK" dirty="0"/>
          </a:p>
        </p:txBody>
      </p:sp>
      <p:pic>
        <p:nvPicPr>
          <p:cNvPr id="2" name="Confidential" hidden="1">
            <a:extLst>
              <a:ext uri="{FF2B5EF4-FFF2-40B4-BE49-F238E27FC236}">
                <a16:creationId xmlns:a16="http://schemas.microsoft.com/office/drawing/2014/main" id="{DFFF66F8-88E3-1412-04A3-7489FBD742BA}"/>
              </a:ext>
            </a:extLst>
          </p:cNvPr>
          <p:cNvPicPr>
            <a:picLocks noChangeAspect="1"/>
          </p:cNvPicPr>
          <p:nvPr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77200" y="345600"/>
            <a:ext cx="1671890" cy="266400"/>
          </a:xfrm>
          <a:prstGeom prst="rect">
            <a:avLst/>
          </a:prstGeom>
        </p:spPr>
      </p:pic>
      <p:pic>
        <p:nvPicPr>
          <p:cNvPr id="6" name="Public" hidden="1">
            <a:extLst>
              <a:ext uri="{FF2B5EF4-FFF2-40B4-BE49-F238E27FC236}">
                <a16:creationId xmlns:a16="http://schemas.microsoft.com/office/drawing/2014/main" id="{72956BF2-93AA-B21F-DF27-BC3A4C8CC2AF}"/>
              </a:ext>
            </a:extLst>
          </p:cNvPr>
          <p:cNvPicPr>
            <a:picLocks noChangeAspect="1"/>
          </p:cNvPicPr>
          <p:nvPr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75718" y="345600"/>
            <a:ext cx="1671890" cy="266400"/>
          </a:xfrm>
          <a:prstGeom prst="rect">
            <a:avLst/>
          </a:prstGeom>
        </p:spPr>
      </p:pic>
      <p:pic>
        <p:nvPicPr>
          <p:cNvPr id="7" name="Internal">
            <a:extLst>
              <a:ext uri="{FF2B5EF4-FFF2-40B4-BE49-F238E27FC236}">
                <a16:creationId xmlns:a16="http://schemas.microsoft.com/office/drawing/2014/main" id="{8B508643-C6A6-C998-4518-C6E4C29ED0F4}"/>
              </a:ext>
            </a:extLst>
          </p:cNvPr>
          <p:cNvPicPr>
            <a:picLocks noChangeAspect="1"/>
          </p:cNvPicPr>
          <p:nvPr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275718" y="344152"/>
            <a:ext cx="1671890" cy="266400"/>
          </a:xfrm>
          <a:prstGeom prst="rect">
            <a:avLst/>
          </a:prstGeom>
        </p:spPr>
      </p:pic>
      <p:pic>
        <p:nvPicPr>
          <p:cNvPr id="9" name="Strictly" hidden="1">
            <a:extLst>
              <a:ext uri="{FF2B5EF4-FFF2-40B4-BE49-F238E27FC236}">
                <a16:creationId xmlns:a16="http://schemas.microsoft.com/office/drawing/2014/main" id="{BCA8BE40-F242-8DCF-E0F5-B73A0FE022F2}"/>
              </a:ext>
            </a:extLst>
          </p:cNvPr>
          <p:cNvPicPr>
            <a:picLocks noChangeAspect="1"/>
          </p:cNvPicPr>
          <p:nvPr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261960" y="345600"/>
            <a:ext cx="1671890" cy="2664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040116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CC341B-0572-4BB4-90DF-542727C2C9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AT Automatio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79A49CE-4001-48C0-8E02-E854CB4B457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C52607-EE02-40CA-B48B-EAC8FAB4490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DC42F2-5B21-9ADB-3748-F870A22BB056}"/>
              </a:ext>
            </a:extLst>
          </p:cNvPr>
          <p:cNvSpPr txBox="1">
            <a:spLocks/>
          </p:cNvSpPr>
          <p:nvPr/>
        </p:nvSpPr>
        <p:spPr>
          <a:xfrm>
            <a:off x="729573" y="1539708"/>
            <a:ext cx="10866225" cy="4931080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b="1" dirty="0"/>
              <a:t>Requirement &amp; Challenge:</a:t>
            </a:r>
          </a:p>
          <a:p>
            <a:r>
              <a:rPr lang="en-US" dirty="0"/>
              <a:t>For checking Multiple test runs, user need to enter 16 parameters in SPACE tool to validate for each test case manually:</a:t>
            </a:r>
          </a:p>
          <a:p>
            <a:pPr marL="342900" indent="-342900">
              <a:buFont typeface="+mj-lt"/>
              <a:buAutoNum type="arabicParenR"/>
            </a:pPr>
            <a:r>
              <a:rPr lang="en-US" dirty="0"/>
              <a:t>Manual testing includes 16 different values (3 text field + 13 dropdown) to generate the deliverables (STEP, CAD model &amp; drawings) which are later manually inspected for accuracy. All those inputs also need to be documented as Testcases for future validation.</a:t>
            </a:r>
          </a:p>
          <a:p>
            <a:pPr marL="342900" indent="-342900">
              <a:buFont typeface="+mj-lt"/>
              <a:buAutoNum type="arabicParenR"/>
            </a:pPr>
            <a:r>
              <a:rPr lang="en-US" dirty="0"/>
              <a:t>Current scenario involves initially collecting the valid, unique testcases in excel and passing those test cases manually in SPACE tool. This is highly repetitive &amp; time-consuming even for 500 test cases (100 test cases per KV)</a:t>
            </a:r>
          </a:p>
          <a:p>
            <a:pPr>
              <a:buNone/>
            </a:pPr>
            <a:endParaRPr lang="en-US" dirty="0"/>
          </a:p>
          <a:p>
            <a:pPr>
              <a:buNone/>
            </a:pPr>
            <a:r>
              <a:rPr lang="en-US" b="1" dirty="0"/>
              <a:t>Proposed Solution:</a:t>
            </a:r>
          </a:p>
          <a:p>
            <a:pPr>
              <a:buNone/>
            </a:pPr>
            <a:r>
              <a:rPr lang="en-US" dirty="0"/>
              <a:t>Automation of complete </a:t>
            </a:r>
            <a:r>
              <a:rPr lang="en-GB" dirty="0"/>
              <a:t>end-to-end testing process from inputs to results generation by building a standalone tool (</a:t>
            </a:r>
            <a:r>
              <a:rPr lang="en-GB" b="1" dirty="0"/>
              <a:t>SPACE_UAT.exe</a:t>
            </a:r>
            <a:r>
              <a:rPr lang="en-GB" dirty="0"/>
              <a:t>)</a:t>
            </a:r>
            <a:r>
              <a:rPr lang="en-GB" b="1" dirty="0"/>
              <a:t> </a:t>
            </a:r>
            <a:r>
              <a:rPr lang="en-GB" dirty="0"/>
              <a:t>using </a:t>
            </a:r>
            <a:r>
              <a:rPr lang="en-US" dirty="0"/>
              <a:t>python-selenium packages. Ability to execute multiple instances simultaneously is an added advantage.</a:t>
            </a:r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C8D5C14-AF2D-BAB3-D45F-7BB2D03B1609}"/>
              </a:ext>
            </a:extLst>
          </p:cNvPr>
          <p:cNvSpPr txBox="1">
            <a:spLocks/>
          </p:cNvSpPr>
          <p:nvPr/>
        </p:nvSpPr>
        <p:spPr>
          <a:xfrm>
            <a:off x="730800" y="1055854"/>
            <a:ext cx="8604000" cy="410899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914400" rtl="0" eaLnBrk="1" latinLnBrk="0" hangingPunct="1">
              <a:lnSpc>
                <a:spcPct val="95000"/>
              </a:lnSpc>
              <a:spcBef>
                <a:spcPct val="0"/>
              </a:spcBef>
              <a:buNone/>
              <a:defRPr sz="24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Giving user inputs in SPACE(</a:t>
            </a:r>
            <a:r>
              <a:rPr lang="en-US" dirty="0" err="1"/>
              <a:t>Thingworx</a:t>
            </a:r>
            <a:r>
              <a:rPr lang="en-US" dirty="0"/>
              <a:t> UI) for UAT</a:t>
            </a:r>
            <a:endParaRPr lang="en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3867001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CC341B-0572-4BB4-90DF-542727C2C9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AT Automatio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79A49CE-4001-48C0-8E02-E854CB4B457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DC42F2-5B21-9ADB-3748-F870A22BB056}"/>
              </a:ext>
            </a:extLst>
          </p:cNvPr>
          <p:cNvSpPr txBox="1">
            <a:spLocks/>
          </p:cNvSpPr>
          <p:nvPr/>
        </p:nvSpPr>
        <p:spPr>
          <a:xfrm>
            <a:off x="730800" y="1466753"/>
            <a:ext cx="3910793" cy="630924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C8D5C14-AF2D-BAB3-D45F-7BB2D03B1609}"/>
              </a:ext>
            </a:extLst>
          </p:cNvPr>
          <p:cNvSpPr txBox="1">
            <a:spLocks/>
          </p:cNvSpPr>
          <p:nvPr/>
        </p:nvSpPr>
        <p:spPr>
          <a:xfrm>
            <a:off x="730800" y="1371316"/>
            <a:ext cx="3472084" cy="410899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914400" rtl="0" eaLnBrk="1" latinLnBrk="0" hangingPunct="1">
              <a:lnSpc>
                <a:spcPct val="95000"/>
              </a:lnSpc>
              <a:spcBef>
                <a:spcPct val="0"/>
              </a:spcBef>
              <a:buNone/>
              <a:defRPr sz="24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As-Is Process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1400" dirty="0">
                <a:latin typeface="+mn-lt"/>
              </a:rPr>
              <a:t>Create a list of test cases for each KV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1400" dirty="0">
                <a:latin typeface="+mn-lt"/>
              </a:rPr>
              <a:t>Manually enter those in SPACE tool</a:t>
            </a:r>
          </a:p>
          <a:p>
            <a:r>
              <a:rPr lang="en-US" dirty="0"/>
              <a:t> </a:t>
            </a:r>
          </a:p>
        </p:txBody>
      </p:sp>
      <p:sp>
        <p:nvSpPr>
          <p:cNvPr id="8" name="Arrow: Right 7">
            <a:extLst>
              <a:ext uri="{FF2B5EF4-FFF2-40B4-BE49-F238E27FC236}">
                <a16:creationId xmlns:a16="http://schemas.microsoft.com/office/drawing/2014/main" id="{114AA082-1D13-E71F-70B8-E08763A318D8}"/>
              </a:ext>
            </a:extLst>
          </p:cNvPr>
          <p:cNvSpPr/>
          <p:nvPr/>
        </p:nvSpPr>
        <p:spPr>
          <a:xfrm>
            <a:off x="4963487" y="1970132"/>
            <a:ext cx="1132513" cy="435600"/>
          </a:xfrm>
          <a:prstGeom prst="rightArrow">
            <a:avLst/>
          </a:prstGeom>
          <a:solidFill>
            <a:srgbClr val="00B05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C015F92D-C7E2-069A-8131-106331C723A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33887" y="1970132"/>
            <a:ext cx="3231266" cy="4192599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13" name="Title 3">
            <a:extLst>
              <a:ext uri="{FF2B5EF4-FFF2-40B4-BE49-F238E27FC236}">
                <a16:creationId xmlns:a16="http://schemas.microsoft.com/office/drawing/2014/main" id="{27163164-4AAD-32E8-F7F0-5C6F68AEF13F}"/>
              </a:ext>
            </a:extLst>
          </p:cNvPr>
          <p:cNvSpPr txBox="1">
            <a:spLocks/>
          </p:cNvSpPr>
          <p:nvPr/>
        </p:nvSpPr>
        <p:spPr>
          <a:xfrm>
            <a:off x="6719978" y="1199916"/>
            <a:ext cx="2657506" cy="6309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914400" rtl="0" eaLnBrk="1" latinLnBrk="0" hangingPunct="1">
              <a:lnSpc>
                <a:spcPct val="95000"/>
              </a:lnSpc>
              <a:spcBef>
                <a:spcPct val="0"/>
              </a:spcBef>
              <a:buNone/>
              <a:defRPr sz="24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To-Be Process</a:t>
            </a:r>
          </a:p>
          <a:p>
            <a:r>
              <a:rPr lang="en-US" sz="1400" dirty="0">
                <a:latin typeface="+mn-lt"/>
              </a:rPr>
              <a:t>Run </a:t>
            </a:r>
            <a:r>
              <a:rPr lang="en-US" sz="1400" b="1" dirty="0">
                <a:latin typeface="+mn-lt"/>
              </a:rPr>
              <a:t>SPACE_UAT.exe </a:t>
            </a:r>
            <a:endParaRPr lang="en-US" sz="1400" dirty="0">
              <a:latin typeface="+mn-lt"/>
            </a:endParaRP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A406DAFE-CF4A-D4D6-2BDD-23C18D929E6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480696" y="1970132"/>
            <a:ext cx="2896788" cy="70594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8132608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F56E6E-BC7D-E6FA-903A-3E5C5B68EA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2400" dirty="0"/>
              <a:t>Steps for UAT automation using SPACE_UAT.ex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55F0975-EB59-E7ED-BF48-4106176C338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smtClean="0"/>
              <a:pPr/>
              <a:t>4</a:t>
            </a:fld>
            <a:endParaRPr lang="en-US" dirty="0"/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E008BFEE-754E-897E-0A99-B3FB38857BAD}"/>
              </a:ext>
            </a:extLst>
          </p:cNvPr>
          <p:cNvGrpSpPr/>
          <p:nvPr/>
        </p:nvGrpSpPr>
        <p:grpSpPr>
          <a:xfrm>
            <a:off x="5448737" y="918895"/>
            <a:ext cx="1943265" cy="1557645"/>
            <a:chOff x="5209455" y="1380125"/>
            <a:chExt cx="1943265" cy="1557645"/>
          </a:xfrm>
        </p:grpSpPr>
        <p:sp>
          <p:nvSpPr>
            <p:cNvPr id="5" name="Subtitle 2">
              <a:extLst>
                <a:ext uri="{FF2B5EF4-FFF2-40B4-BE49-F238E27FC236}">
                  <a16:creationId xmlns:a16="http://schemas.microsoft.com/office/drawing/2014/main" id="{6A26CFA9-F4F6-D75F-DC00-F2BB957C2997}"/>
                </a:ext>
              </a:extLst>
            </p:cNvPr>
            <p:cNvSpPr txBox="1">
              <a:spLocks/>
            </p:cNvSpPr>
            <p:nvPr/>
          </p:nvSpPr>
          <p:spPr>
            <a:xfrm>
              <a:off x="5209455" y="1380125"/>
              <a:ext cx="1943265" cy="360100"/>
            </a:xfrm>
            <a:prstGeom prst="rect">
              <a:avLst/>
            </a:prstGeom>
          </p:spPr>
          <p:txBody>
            <a:bodyPr/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r>
                <a:rPr lang="en-US" sz="1200" dirty="0"/>
                <a:t>Run SPACE_UAT.exe &amp; Choose required activity</a:t>
              </a:r>
            </a:p>
            <a:p>
              <a:endParaRPr lang="en-US" sz="1200" dirty="0"/>
            </a:p>
            <a:p>
              <a:endParaRPr lang="en-US" sz="1200" dirty="0"/>
            </a:p>
            <a:p>
              <a:endParaRPr lang="en-US" sz="1200" dirty="0"/>
            </a:p>
            <a:p>
              <a:endParaRPr lang="en-US" sz="1200" dirty="0"/>
            </a:p>
            <a:p>
              <a:endParaRPr lang="en-US" sz="1200" dirty="0"/>
            </a:p>
            <a:p>
              <a:endParaRPr lang="en-US" sz="1200" dirty="0"/>
            </a:p>
            <a:p>
              <a:br>
                <a:rPr lang="en-US" sz="1200" dirty="0"/>
              </a:br>
              <a:br>
                <a:rPr lang="en-US" sz="1200" dirty="0"/>
              </a:br>
              <a:endParaRPr lang="en-US" sz="1200" dirty="0"/>
            </a:p>
            <a:p>
              <a:endParaRPr lang="en-US" sz="1200" dirty="0"/>
            </a:p>
            <a:p>
              <a:endParaRPr lang="en-US" sz="1200" dirty="0"/>
            </a:p>
            <a:p>
              <a:endParaRPr lang="en-US" sz="1200" dirty="0"/>
            </a:p>
            <a:p>
              <a:endParaRPr lang="en-US" sz="1200" dirty="0"/>
            </a:p>
            <a:p>
              <a:endParaRPr lang="en-US" sz="1200" dirty="0"/>
            </a:p>
            <a:p>
              <a:endParaRPr lang="en-US" sz="1200" dirty="0"/>
            </a:p>
            <a:p>
              <a:endParaRPr lang="en-US" sz="1200" dirty="0"/>
            </a:p>
            <a:p>
              <a:br>
                <a:rPr lang="en-US" sz="1200" dirty="0"/>
              </a:br>
              <a:br>
                <a:rPr lang="en-US" sz="1200" dirty="0"/>
              </a:br>
              <a:endParaRPr lang="en-US" sz="1200" dirty="0"/>
            </a:p>
          </p:txBody>
        </p:sp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522F63CF-83CE-45C5-2AD5-8A6C139C4325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5209455" y="1862290"/>
              <a:ext cx="1773089" cy="1075480"/>
            </a:xfrm>
            <a:prstGeom prst="rect">
              <a:avLst/>
            </a:prstGeom>
          </p:spPr>
        </p:pic>
      </p:grpSp>
      <p:sp>
        <p:nvSpPr>
          <p:cNvPr id="10" name="Subtitle 2">
            <a:extLst>
              <a:ext uri="{FF2B5EF4-FFF2-40B4-BE49-F238E27FC236}">
                <a16:creationId xmlns:a16="http://schemas.microsoft.com/office/drawing/2014/main" id="{1C77D961-68AE-26A9-61E5-D1D25812F930}"/>
              </a:ext>
            </a:extLst>
          </p:cNvPr>
          <p:cNvSpPr txBox="1">
            <a:spLocks/>
          </p:cNvSpPr>
          <p:nvPr/>
        </p:nvSpPr>
        <p:spPr>
          <a:xfrm>
            <a:off x="1846726" y="2009217"/>
            <a:ext cx="3253456" cy="575331"/>
          </a:xfrm>
          <a:prstGeom prst="rect">
            <a:avLst/>
          </a:prstGeom>
          <a:ln>
            <a:solidFill>
              <a:schemeClr val="tx1"/>
            </a:solidFill>
          </a:ln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>
              <a:buNone/>
            </a:pPr>
            <a:r>
              <a:rPr lang="en-US" sz="1200" b="1" dirty="0"/>
              <a:t>UAT</a:t>
            </a:r>
          </a:p>
          <a:p>
            <a:pPr algn="ctr">
              <a:buNone/>
            </a:pPr>
            <a:r>
              <a:rPr lang="en-US" sz="1200" dirty="0">
                <a:latin typeface="+mn-lt"/>
              </a:rPr>
              <a:t>To automatically enter values for selected KV</a:t>
            </a:r>
          </a:p>
          <a:p>
            <a:pPr algn="ctr">
              <a:buNone/>
            </a:pPr>
            <a:endParaRPr lang="en-US" sz="1200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C3B5D5A4-A428-C3A0-B8D3-EAEDC477C3F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2806" y="2797463"/>
            <a:ext cx="1990725" cy="1228725"/>
          </a:xfrm>
          <a:prstGeom prst="rect">
            <a:avLst/>
          </a:prstGeom>
        </p:spPr>
      </p:pic>
      <p:cxnSp>
        <p:nvCxnSpPr>
          <p:cNvPr id="16" name="Connector: Elbow 15">
            <a:extLst>
              <a:ext uri="{FF2B5EF4-FFF2-40B4-BE49-F238E27FC236}">
                <a16:creationId xmlns:a16="http://schemas.microsoft.com/office/drawing/2014/main" id="{08BFF55A-D598-5FCF-09D0-6CE4239D5AE1}"/>
              </a:ext>
            </a:extLst>
          </p:cNvPr>
          <p:cNvCxnSpPr>
            <a:cxnSpLocks/>
            <a:stCxn id="8" idx="2"/>
            <a:endCxn id="14" idx="0"/>
          </p:cNvCxnSpPr>
          <p:nvPr/>
        </p:nvCxnSpPr>
        <p:spPr>
          <a:xfrm rot="5400000">
            <a:off x="3756265" y="218445"/>
            <a:ext cx="320923" cy="4837113"/>
          </a:xfrm>
          <a:prstGeom prst="bentConnector3">
            <a:avLst>
              <a:gd name="adj1" fmla="val 50000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1" name="Picture 20">
            <a:extLst>
              <a:ext uri="{FF2B5EF4-FFF2-40B4-BE49-F238E27FC236}">
                <a16:creationId xmlns:a16="http://schemas.microsoft.com/office/drawing/2014/main" id="{031184A1-9BB1-893D-69B8-298141E7599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11352" y="4357567"/>
            <a:ext cx="1971675" cy="1171575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0B4880F6-BAC8-2D38-3A20-63ABCC1F67E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37345" y="5206823"/>
            <a:ext cx="1990725" cy="1219200"/>
          </a:xfrm>
          <a:prstGeom prst="rect">
            <a:avLst/>
          </a:prstGeom>
        </p:spPr>
      </p:pic>
      <p:grpSp>
        <p:nvGrpSpPr>
          <p:cNvPr id="34" name="Group 33">
            <a:extLst>
              <a:ext uri="{FF2B5EF4-FFF2-40B4-BE49-F238E27FC236}">
                <a16:creationId xmlns:a16="http://schemas.microsoft.com/office/drawing/2014/main" id="{ECCA6FA4-540E-1AC2-542F-59537FC920E0}"/>
              </a:ext>
            </a:extLst>
          </p:cNvPr>
          <p:cNvGrpSpPr/>
          <p:nvPr/>
        </p:nvGrpSpPr>
        <p:grpSpPr>
          <a:xfrm>
            <a:off x="3218487" y="2750238"/>
            <a:ext cx="2780661" cy="1850337"/>
            <a:chOff x="3218487" y="2750238"/>
            <a:chExt cx="2780661" cy="1850337"/>
          </a:xfrm>
        </p:grpSpPr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EF761100-4865-0EE8-0972-B04503D0950D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347849" y="3429000"/>
              <a:ext cx="1971675" cy="1171575"/>
            </a:xfrm>
            <a:prstGeom prst="rect">
              <a:avLst/>
            </a:prstGeom>
          </p:spPr>
        </p:pic>
        <p:sp>
          <p:nvSpPr>
            <p:cNvPr id="32" name="Subtitle 2">
              <a:extLst>
                <a:ext uri="{FF2B5EF4-FFF2-40B4-BE49-F238E27FC236}">
                  <a16:creationId xmlns:a16="http://schemas.microsoft.com/office/drawing/2014/main" id="{BF4034D4-2777-0094-FF2E-0622CE7F28A4}"/>
                </a:ext>
              </a:extLst>
            </p:cNvPr>
            <p:cNvSpPr txBox="1">
              <a:spLocks/>
            </p:cNvSpPr>
            <p:nvPr/>
          </p:nvSpPr>
          <p:spPr>
            <a:xfrm>
              <a:off x="3218487" y="2750238"/>
              <a:ext cx="2780661" cy="579623"/>
            </a:xfrm>
            <a:prstGeom prst="rect">
              <a:avLst/>
            </a:prstGeom>
          </p:spPr>
          <p:txBody>
            <a:bodyPr/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r>
                <a:rPr lang="en-US" sz="1200" dirty="0"/>
                <a:t>Alphanumeric values like a1 or b1. Alphabets for uniqueness &amp; number for count increments</a:t>
              </a:r>
            </a:p>
            <a:p>
              <a:endParaRPr lang="en-US" sz="1200" dirty="0"/>
            </a:p>
            <a:p>
              <a:endParaRPr lang="en-US" sz="1200" dirty="0"/>
            </a:p>
          </p:txBody>
        </p:sp>
      </p:grpSp>
      <p:sp>
        <p:nvSpPr>
          <p:cNvPr id="33" name="Subtitle 2">
            <a:extLst>
              <a:ext uri="{FF2B5EF4-FFF2-40B4-BE49-F238E27FC236}">
                <a16:creationId xmlns:a16="http://schemas.microsoft.com/office/drawing/2014/main" id="{CDF4251B-CA72-18E5-DAC6-3061C3035D69}"/>
              </a:ext>
            </a:extLst>
          </p:cNvPr>
          <p:cNvSpPr txBox="1">
            <a:spLocks/>
          </p:cNvSpPr>
          <p:nvPr/>
        </p:nvSpPr>
        <p:spPr>
          <a:xfrm>
            <a:off x="3206461" y="4716242"/>
            <a:ext cx="2698683" cy="430759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None/>
            </a:pPr>
            <a:r>
              <a:rPr lang="en-US" sz="1200" dirty="0"/>
              <a:t>A number from 1-5 for corresponding KV order in the dropdown list </a:t>
            </a:r>
          </a:p>
        </p:txBody>
      </p:sp>
      <p:cxnSp>
        <p:nvCxnSpPr>
          <p:cNvPr id="36" name="Connector: Elbow 35">
            <a:extLst>
              <a:ext uri="{FF2B5EF4-FFF2-40B4-BE49-F238E27FC236}">
                <a16:creationId xmlns:a16="http://schemas.microsoft.com/office/drawing/2014/main" id="{48908B07-6563-CC9F-252F-739D6EAF47EA}"/>
              </a:ext>
            </a:extLst>
          </p:cNvPr>
          <p:cNvCxnSpPr>
            <a:stCxn id="21" idx="3"/>
            <a:endCxn id="23" idx="1"/>
          </p:cNvCxnSpPr>
          <p:nvPr/>
        </p:nvCxnSpPr>
        <p:spPr>
          <a:xfrm flipV="1">
            <a:off x="2483027" y="4014788"/>
            <a:ext cx="864822" cy="928567"/>
          </a:xfrm>
          <a:prstGeom prst="bentConnector3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8C4E7561-C788-D0F1-5E22-3FB68CC7CDC2}"/>
              </a:ext>
            </a:extLst>
          </p:cNvPr>
          <p:cNvCxnSpPr>
            <a:stCxn id="14" idx="2"/>
            <a:endCxn id="21" idx="0"/>
          </p:cNvCxnSpPr>
          <p:nvPr/>
        </p:nvCxnSpPr>
        <p:spPr>
          <a:xfrm flipH="1">
            <a:off x="1497190" y="4026188"/>
            <a:ext cx="979" cy="331379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A3C702C5-410E-2A5B-5CA0-F78323ECA5C7}"/>
              </a:ext>
            </a:extLst>
          </p:cNvPr>
          <p:cNvCxnSpPr>
            <a:stCxn id="23" idx="2"/>
            <a:endCxn id="25" idx="0"/>
          </p:cNvCxnSpPr>
          <p:nvPr/>
        </p:nvCxnSpPr>
        <p:spPr>
          <a:xfrm flipH="1">
            <a:off x="4332708" y="4600575"/>
            <a:ext cx="979" cy="60624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42" name="Picture 41">
            <a:extLst>
              <a:ext uri="{FF2B5EF4-FFF2-40B4-BE49-F238E27FC236}">
                <a16:creationId xmlns:a16="http://schemas.microsoft.com/office/drawing/2014/main" id="{F8392DB0-CCEF-663E-988D-F7433D3D663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668077" y="2796856"/>
            <a:ext cx="1962150" cy="1190625"/>
          </a:xfrm>
          <a:prstGeom prst="rect">
            <a:avLst/>
          </a:prstGeom>
        </p:spPr>
      </p:pic>
      <p:cxnSp>
        <p:nvCxnSpPr>
          <p:cNvPr id="44" name="Connector: Elbow 43">
            <a:extLst>
              <a:ext uri="{FF2B5EF4-FFF2-40B4-BE49-F238E27FC236}">
                <a16:creationId xmlns:a16="http://schemas.microsoft.com/office/drawing/2014/main" id="{A9E3DEF7-F9AE-D6BD-9D79-206EE64B7940}"/>
              </a:ext>
            </a:extLst>
          </p:cNvPr>
          <p:cNvCxnSpPr>
            <a:cxnSpLocks/>
            <a:stCxn id="8" idx="2"/>
            <a:endCxn id="42" idx="0"/>
          </p:cNvCxnSpPr>
          <p:nvPr/>
        </p:nvCxnSpPr>
        <p:spPr>
          <a:xfrm rot="16200000" flipH="1">
            <a:off x="7832059" y="979763"/>
            <a:ext cx="320316" cy="3313870"/>
          </a:xfrm>
          <a:prstGeom prst="bentConnector3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7" name="Subtitle 2">
            <a:extLst>
              <a:ext uri="{FF2B5EF4-FFF2-40B4-BE49-F238E27FC236}">
                <a16:creationId xmlns:a16="http://schemas.microsoft.com/office/drawing/2014/main" id="{9E806F52-F66E-A689-A0B3-9439EBE124F2}"/>
              </a:ext>
            </a:extLst>
          </p:cNvPr>
          <p:cNvSpPr txBox="1">
            <a:spLocks/>
          </p:cNvSpPr>
          <p:nvPr/>
        </p:nvSpPr>
        <p:spPr>
          <a:xfrm>
            <a:off x="7570381" y="2004925"/>
            <a:ext cx="2573477" cy="579623"/>
          </a:xfrm>
          <a:prstGeom prst="rect">
            <a:avLst/>
          </a:prstGeom>
          <a:ln>
            <a:solidFill>
              <a:schemeClr val="tx1"/>
            </a:solidFill>
          </a:ln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>
              <a:buNone/>
            </a:pPr>
            <a:r>
              <a:rPr lang="en-US" sz="1200" b="1" dirty="0"/>
              <a:t>JSON_to_XL</a:t>
            </a:r>
          </a:p>
          <a:p>
            <a:pPr algn="ctr">
              <a:buNone/>
            </a:pPr>
            <a:r>
              <a:rPr lang="en-US" sz="1200" dirty="0"/>
              <a:t>To document the entered testcases</a:t>
            </a:r>
          </a:p>
        </p:txBody>
      </p:sp>
      <p:sp>
        <p:nvSpPr>
          <p:cNvPr id="49" name="Subtitle 2">
            <a:extLst>
              <a:ext uri="{FF2B5EF4-FFF2-40B4-BE49-F238E27FC236}">
                <a16:creationId xmlns:a16="http://schemas.microsoft.com/office/drawing/2014/main" id="{DBB493B6-F500-E0DB-4D28-AD3AA0CE01FF}"/>
              </a:ext>
            </a:extLst>
          </p:cNvPr>
          <p:cNvSpPr txBox="1">
            <a:spLocks/>
          </p:cNvSpPr>
          <p:nvPr/>
        </p:nvSpPr>
        <p:spPr>
          <a:xfrm>
            <a:off x="8386066" y="3986623"/>
            <a:ext cx="2780661" cy="579623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200" dirty="0"/>
              <a:t>Move the required JSON files to a folder and give the folder path</a:t>
            </a:r>
          </a:p>
        </p:txBody>
      </p:sp>
    </p:spTree>
    <p:extLst>
      <p:ext uri="{BB962C8B-B14F-4D97-AF65-F5344CB8AC3E}">
        <p14:creationId xmlns:p14="http://schemas.microsoft.com/office/powerpoint/2010/main" val="254195796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F56E6E-BC7D-E6FA-903A-3E5C5B68EA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stimated Productivity Hours Savings. 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55F0975-EB59-E7ED-BF48-4106176C338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EC536-6FE3-4540-8D85-74C58F0BF697}" type="slidenum">
              <a:rPr lang="en-US" dirty="0" smtClean="0"/>
              <a:pPr/>
              <a:t>5</a:t>
            </a:fld>
            <a:endParaRPr lang="en-US" dirty="0"/>
          </a:p>
        </p:txBody>
      </p:sp>
      <p:sp>
        <p:nvSpPr>
          <p:cNvPr id="6" name="Title 3">
            <a:extLst>
              <a:ext uri="{FF2B5EF4-FFF2-40B4-BE49-F238E27FC236}">
                <a16:creationId xmlns:a16="http://schemas.microsoft.com/office/drawing/2014/main" id="{2CBD211E-43E5-026F-4ED9-B2D2E6F19AF9}"/>
              </a:ext>
            </a:extLst>
          </p:cNvPr>
          <p:cNvSpPr txBox="1">
            <a:spLocks/>
          </p:cNvSpPr>
          <p:nvPr/>
        </p:nvSpPr>
        <p:spPr>
          <a:xfrm>
            <a:off x="734137" y="886873"/>
            <a:ext cx="8604000" cy="410899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 defTabSz="914400" rtl="0" eaLnBrk="1" latinLnBrk="0" hangingPunct="1">
              <a:lnSpc>
                <a:spcPct val="95000"/>
              </a:lnSpc>
              <a:spcBef>
                <a:spcPct val="0"/>
              </a:spcBef>
              <a:buNone/>
              <a:defRPr sz="24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endParaRPr lang="en-US" dirty="0"/>
          </a:p>
        </p:txBody>
      </p:sp>
      <p:graphicFrame>
        <p:nvGraphicFramePr>
          <p:cNvPr id="12" name="Chart 11">
            <a:extLst>
              <a:ext uri="{FF2B5EF4-FFF2-40B4-BE49-F238E27FC236}">
                <a16:creationId xmlns:a16="http://schemas.microsoft.com/office/drawing/2014/main" id="{20853B63-1066-78CE-E356-2DE6FA531CA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881293887"/>
              </p:ext>
            </p:extLst>
          </p:nvPr>
        </p:nvGraphicFramePr>
        <p:xfrm>
          <a:off x="8167714" y="1048548"/>
          <a:ext cx="3953164" cy="383095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5DF3B49A-D34F-5B06-5919-D89189CA8A8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92669026"/>
              </p:ext>
            </p:extLst>
          </p:nvPr>
        </p:nvGraphicFramePr>
        <p:xfrm>
          <a:off x="99987" y="1048548"/>
          <a:ext cx="7848600" cy="3830949"/>
        </p:xfrm>
        <a:graphic>
          <a:graphicData uri="http://schemas.openxmlformats.org/drawingml/2006/table">
            <a:tbl>
              <a:tblPr/>
              <a:tblGrid>
                <a:gridCol w="1308100">
                  <a:extLst>
                    <a:ext uri="{9D8B030D-6E8A-4147-A177-3AD203B41FA5}">
                      <a16:colId xmlns:a16="http://schemas.microsoft.com/office/drawing/2014/main" val="2467099470"/>
                    </a:ext>
                  </a:extLst>
                </a:gridCol>
                <a:gridCol w="1308100">
                  <a:extLst>
                    <a:ext uri="{9D8B030D-6E8A-4147-A177-3AD203B41FA5}">
                      <a16:colId xmlns:a16="http://schemas.microsoft.com/office/drawing/2014/main" val="2083113527"/>
                    </a:ext>
                  </a:extLst>
                </a:gridCol>
                <a:gridCol w="1308100">
                  <a:extLst>
                    <a:ext uri="{9D8B030D-6E8A-4147-A177-3AD203B41FA5}">
                      <a16:colId xmlns:a16="http://schemas.microsoft.com/office/drawing/2014/main" val="1776915898"/>
                    </a:ext>
                  </a:extLst>
                </a:gridCol>
                <a:gridCol w="1308100">
                  <a:extLst>
                    <a:ext uri="{9D8B030D-6E8A-4147-A177-3AD203B41FA5}">
                      <a16:colId xmlns:a16="http://schemas.microsoft.com/office/drawing/2014/main" val="1094795755"/>
                    </a:ext>
                  </a:extLst>
                </a:gridCol>
                <a:gridCol w="1308100">
                  <a:extLst>
                    <a:ext uri="{9D8B030D-6E8A-4147-A177-3AD203B41FA5}">
                      <a16:colId xmlns:a16="http://schemas.microsoft.com/office/drawing/2014/main" val="77029960"/>
                    </a:ext>
                  </a:extLst>
                </a:gridCol>
                <a:gridCol w="1308100">
                  <a:extLst>
                    <a:ext uri="{9D8B030D-6E8A-4147-A177-3AD203B41FA5}">
                      <a16:colId xmlns:a16="http://schemas.microsoft.com/office/drawing/2014/main" val="3229416479"/>
                    </a:ext>
                  </a:extLst>
                </a:gridCol>
              </a:tblGrid>
              <a:tr h="176083">
                <a:tc gridSpan="5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Time estimated for manual process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18736001"/>
                  </a:ext>
                </a:extLst>
              </a:tr>
              <a:tr h="175454"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TCS GROUP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Product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Total testcases required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Manual Hrs. for 100 testcases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Total Manual hrs.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Remarks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57903194"/>
                  </a:ext>
                </a:extLst>
              </a:tr>
              <a:tr h="175454"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AirRIPflex</a:t>
                      </a:r>
                      <a:endParaRPr lang="en-GB" sz="1100" b="1" kern="1200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84002524"/>
                  </a:ext>
                </a:extLst>
              </a:tr>
              <a:tr h="176083"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Bushing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1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500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40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(A)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05288833"/>
                  </a:ext>
                </a:extLst>
              </a:tr>
              <a:tr h="176083"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200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92116134"/>
                  </a:ext>
                </a:extLst>
              </a:tr>
              <a:tr h="176083">
                <a:tc gridSpan="5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72255208"/>
                  </a:ext>
                </a:extLst>
              </a:tr>
              <a:tr h="176083">
                <a:tc gridSpan="5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Time estimated for automated process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45964773"/>
                  </a:ext>
                </a:extLst>
              </a:tr>
              <a:tr h="175454"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TCS GROUP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Product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Total testcases required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Actual Hrs. for 100 testcases by executing 1 instance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Total hrs. for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Remarks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80819338"/>
                  </a:ext>
                </a:extLst>
              </a:tr>
              <a:tr h="344915"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AirRIPflex</a:t>
                      </a:r>
                      <a:endParaRPr lang="en-GB" sz="1100" b="1" kern="1200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  <a:cs typeface="Arial" panose="020B0604020202020204" pitchFamily="34" charset="0"/>
                      </a:endParaRP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500 test cases by executing 5+ instance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2540181"/>
                  </a:ext>
                </a:extLst>
              </a:tr>
              <a:tr h="175454"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Bushing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1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500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1.40 hrs.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(B)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2">
                  <a:txBody>
                    <a:bodyPr/>
                    <a:lstStyle/>
                    <a:p>
                      <a:pPr algn="l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5+ instances can be executed simultaneously, So Total hrs saved is based on no. of instances executed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53315637"/>
                  </a:ext>
                </a:extLst>
              </a:tr>
              <a:tr h="847305"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2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39847378"/>
                  </a:ext>
                </a:extLst>
              </a:tr>
              <a:tr h="176083">
                <a:tc rowSpan="5" grid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rowSpan="5"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59454838"/>
                  </a:ext>
                </a:extLst>
              </a:tr>
              <a:tr h="176083">
                <a:tc gridSpan="2"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grid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Total Efforts Spent Hrs. (C)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8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70759494"/>
                  </a:ext>
                </a:extLst>
              </a:tr>
              <a:tr h="176083">
                <a:tc gridSpan="2"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6441364"/>
                  </a:ext>
                </a:extLst>
              </a:tr>
              <a:tr h="176083">
                <a:tc gridSpan="2"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17692355"/>
                  </a:ext>
                </a:extLst>
              </a:tr>
              <a:tr h="176083">
                <a:tc gridSpan="2"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gridSpan="2"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Total Hours Saved (A-B-C)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190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D050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ctr"/>
                      <a:r>
                        <a:rPr lang="en-GB" sz="1100" b="1" kern="120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91713475"/>
                  </a:ext>
                </a:extLst>
              </a:tr>
              <a:tr h="176083">
                <a:tc gridSpan="5">
                  <a:txBody>
                    <a:bodyPr/>
                    <a:lstStyle/>
                    <a:p>
                      <a:pPr algn="ctr" rtl="0" fontAlgn="b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*Total Hours will increase in future while onboarding other products</a:t>
                      </a:r>
                    </a:p>
                  </a:txBody>
                  <a:tcPr marL="5929" marR="5929" marT="5929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0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ctr"/>
                      <a:r>
                        <a:rPr lang="en-GB" sz="1100" b="1" kern="1200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  <a:cs typeface="Arial" panose="020B0604020202020204" pitchFamily="34" charset="0"/>
                        </a:rPr>
                        <a:t> </a:t>
                      </a:r>
                    </a:p>
                  </a:txBody>
                  <a:tcPr marL="5929" marR="5929" marT="5929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0017725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03665811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3707683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32600590"/>
      </p:ext>
    </p:extLst>
  </p:cSld>
  <p:clrMapOvr>
    <a:masterClrMapping/>
  </p:clrMapOvr>
</p:sld>
</file>

<file path=ppt/theme/theme1.xml><?xml version="1.0" encoding="utf-8"?>
<a:theme xmlns:a="http://schemas.openxmlformats.org/drawingml/2006/main" name="Hitachi Energy">
  <a:themeElements>
    <a:clrScheme name="Custom 1">
      <a:dk1>
        <a:sysClr val="windowText" lastClr="000000"/>
      </a:dk1>
      <a:lt1>
        <a:sysClr val="window" lastClr="FFFFFF"/>
      </a:lt1>
      <a:dk2>
        <a:srgbClr val="FF0026"/>
      </a:dk2>
      <a:lt2>
        <a:srgbClr val="B1000E"/>
      </a:lt2>
      <a:accent1>
        <a:srgbClr val="7E000A"/>
      </a:accent1>
      <a:accent2>
        <a:srgbClr val="2D2D2D"/>
      </a:accent2>
      <a:accent3>
        <a:srgbClr val="4D4D4D"/>
      </a:accent3>
      <a:accent4>
        <a:srgbClr val="737373"/>
      </a:accent4>
      <a:accent5>
        <a:srgbClr val="B3B3B3"/>
      </a:accent5>
      <a:accent6>
        <a:srgbClr val="D9D9D9"/>
      </a:accent6>
      <a:hlink>
        <a:srgbClr val="FF0026"/>
      </a:hlink>
      <a:folHlink>
        <a:srgbClr val="B1000E"/>
      </a:folHlink>
    </a:clrScheme>
    <a:fontScheme name="Hitachi Fon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000000"/>
        </a:solidFill>
        <a:ln>
          <a:noFill/>
        </a:ln>
      </a:spPr>
      <a:bodyPr rtlCol="0" anchor="t"/>
      <a:lstStyle>
        <a:defPPr algn="l">
          <a:defRPr sz="1400" dirty="0" err="1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1400" dirty="0" err="1" smtClean="0"/>
        </a:defPPr>
      </a:lstStyle>
    </a:txDef>
  </a:objectDefaults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Presentation1" id="{387C3827-3C38-46B7-B7EF-08EF35410397}" vid="{3B3D2B3F-8A4F-4ADB-94D9-D2E79CCA1AC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{"propertyName":"SecurityLevel","propertyValue":"{{Form.PSecurityLevel.SecurityLevels}}","disableUpdates":false,"type":"customDocumentProperty"},{"propertyName":"CreatorName","propertyValue":"{{StringJoin(\" \", UserProfile.FirstName, UserProfile.LastName)}}","disableUpdates":false,"type":"customDocumentProperty"},{"propertyName":"DocumentKind","propertyValue":"Presentation","disableUpdates":false,"type":"customDocumentProperty"},{"propertyName":"DocumentId","propertyValue":"{{Form.DocumentID}}","disableUpdates":false,"type":"customDocumentProperty"},{"propertyName":"CopyrightYear","propertyValue":"{{Form.CopyrightInformation}}","disableUpdates":false,"type":"customDocumentProperty"},{"propertyName":"DocumentRevisionId","propertyValue":"{{Form.Prevision}}","disableUpdates":false,"type":"customDocumentProperty"},{"propertyName":"PreparedDate","propertyValue":"{{Form.PreparedDate}}","disableUpdates":false,"type":"customDocumentProperty"},{"propertyName":"PreparedByPerson","propertyValue":"{{Form.PPreparedBy}}","disableUpdates":false,"type":"customDocumentProperty"}],"templateName":"Hitachi Energy - Internal Slides","templateDescription":"","enableDocumentContentUpdater":true,"version":"2.0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258825004122598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258825004200117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8258825004226162","enableDocumentContentUpdater":false,"version":"2.0"}]]></TemplafySlideTemplateConfiguration>
</file>

<file path=customXml/item2.xml><?xml version="1.0" encoding="utf-8"?>
<TemplafyFormConfiguration><![CDATA[{"formFields":[{"required":false,"placeholder":"","lines":0,"defaultValue":"{{StringJoin(\" \", UserProfile.FirstName, UserProfile.LastName)}}","helpTexts":{"prefix":"","postfix":""},"spacing":{},"shareValue":false,"type":"textBox","name":"PPreparedBy","label":"Prepared by"},{"distinct":true,"hideIfNoUserInteractionRequired":false,"required":true,"defaultValue":"Internal","autoSelectFirstOption":false,"helpTexts":{"prefix":"","postfix":""},"spacing":{},"shareValue":false,"type":"dropDown","dataSourceName":"SecurityLevels","dataSourceFieldName":"SecurityLevels","name":"PSecurityLevel","label":"Security Level"},{"required":false,"placeholder":"","lines":0,"helpTexts":{"prefix":"","postfix":""},"spacing":{},"shareValue":false,"type":"textBox","name":"DocumentID","label":"Document Id"},{"distinct":true,"hideIfNoUserInteractionRequired":true,"required":false,"autoSelectFirstOption":true,"helpTexts":{"prefix":"","postfix":""},"spacing":{},"shareValue":false,"type":"dropDown","dataSourceName":"P__DocumentID","dataSourceFieldName":"DocumentID","name":"DocumentIDInsertion","label":"Document Id Insertion"},{"required":false,"placeholder":"","lines":0,"defaultValue":"A","helpTexts":{"prefix":"","postfix":""},"spacing":{},"shareValue":false,"type":"textBox","name":"Prevision","label":"Document Revision Id."},{"distinct":true,"hideIfNoUserInteractionRequired":true,"required":false,"autoSelectFirstOption":true,"helpTexts":{"prefix":"","postfix":""},"spacing":{},"shareValue":false,"type":"dropDown","dataSourceName":"P__Revision","dataSourceFieldName":"Pp_revision","name":"RevisionInsertion","label":"RevisionInsertion"},{"required":true,"placeholder":"","lines":0,"defaultValue":"{{FormatDateTime(Now(), \"yyyy\")}}","helpTexts":{"prefix":"","postfix":"Year of first publication"},"spacing":{},"shareValue":false,"type":"textBox","name":"CopyrightInformation","label":"Copyright Year"},{"required":true,"helpTexts":{},"spacing":{},"shareValue":false,"type":"datePicker","name":"PreparedDate","label":"Prepared Date"}],"formDataEntries":[{"name":"PPreparedBy","value":"nIsfOGtRLeb2o0+qQtoIfQ=="},{"name":"PSecurityLevel","value":"OyJROoQny+bmIB584KKDYUzprtPFmYBrqNoE4tyLKuU="},{"name":"DocumentID","value":"eY2k2UgegguHS1IOsu9f0Fd5b5kr7bDXL+kEomg1Doc="},{"name":"DocumentIDInsertion","value":"vAg/drcIV6Xsu9W/kemFpybWUHTQchxtC1sOiH4Th7I="},{"name":"Prevision","value":"O49+Vt6QAfxl87HqJlS4Pw=="},{"name":"RevisionInsertion","value":"wxDBL4hR7tIGD5RBl9aAAAschN+MdqnPhE2+Jl21kFo="},{"name":"CopyrightInformation","value":"y71kmKWVTHU92ZF6KLtqYA=="},{"name":"PreparedDate","value":"l2FGRjUQti3tOy1G1ulmFQ=="}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740b36e-b99c-49a0-b019-437cc47e4c8e">
      <Terms xmlns="http://schemas.microsoft.com/office/infopath/2007/PartnerControls"/>
    </lcf76f155ced4ddcb4097134ff3c332f>
    <TaxCatchAll xmlns="acbac44e-525f-4e30-b942-9873fcf883ff" xsi:nil="true"/>
  </documentManagement>
</p:properties>
</file>

<file path=customXml/item4.xml><?xml version="1.0" encoding="utf-8"?>
<Update>
  <Cmd case="SkabelonDesign.DocumentData:DefineData" variableName="AdditionalInformation">
    <Doc.Prop.AdditionalInformation>
      <Doc.Prop.AdditionalInformation/>
    </Doc.Prop.AdditionalInformation>
    <s/>
  </Cmd>
  <Cmd case="SkabelonDesign.DocumentData:DefineData" variableName="ReferenceNo">
    <Doc.Prop.ReferenceNo>
      <Doc.Prop.ReferenceNo/>
    </Doc.Prop.ReferenceNo>
    <s/>
  </Cmd>
  <Cmd case="SkabelonDesign.DocumentData:DefineData" variableName="PreparedDate">
    <Doc.Prop.PreparedDate>
      <Doc.Prop.PreparedDate/>
    </Doc.Prop.PreparedDate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<![CDATA[© ]]></s>
      <Doc.Prop.CopyrightYear/>
      <s> 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<![CDATA[ - Rev:  ]]></s>
      <Doc.Prop.DocumentRevisionId/>
    </Doc.Prop.DocumentRevisionId>
    <s/>
  </Cmd>
  <Cmd case="SkabelonDesign.DocumentData:DefineData" variableName="PPMetadata">
    <Doc.Prop.DocumentID>
      <Doc.Prop.Date/>
      <s><![CDATA[ - Document ID:]]>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<![CDATA[Document ID.:]]></s>
    </Doc.Prop.DocumentID>
    <s/>
  </Cmd>
  <Cmd case="SkabelonDesign.DocumentData:DefineData" variableName="DocumentRevisionIdLabel">
    <Doc.Prop.DocumentID>
      <s><![CDATA[Rev.:]]>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powergrids;+powergridsuat;+hitachienergy">
    <True>
      <Cmd case="BaseExtensions:find-shape-bring-to-front" layout-1-name="Cover Slide - Brighter Picture A" shape-1-name-1="Strictly" shape-1-name-2="Internal" shape-1-name-3="Public" shape-1-name-4="Confidential" layout-2-name="Cover Slide - Brighter Picture B" shape-2-name-1="Strictly" shape-2-name-2="Internal" shape-2-name-3="Public" shape-2-name-4="Confidential" layout-3-name="Cover Slide - Darker Picture A" shape-3-name-1="Strictly" shape-3-name-2="Internal" shape-3-name-3="Public" shape-3-name-4="Confidential" layout-4-name="Cover Slide - Darker Picture B" shape-4-name-1="Strictly" shape-4-name-2="Internal" shape-4-name-3="Public" shape-4-name-4="Confidential"/>
    </True>
  </Cmd>
</Update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D7D32633D55E94B9360E9CD3E41F369" ma:contentTypeVersion="18" ma:contentTypeDescription="Create a new document." ma:contentTypeScope="" ma:versionID="27e15ac217d681b50ecaf1dcedfeef39">
  <xsd:schema xmlns:xsd="http://www.w3.org/2001/XMLSchema" xmlns:xs="http://www.w3.org/2001/XMLSchema" xmlns:p="http://schemas.microsoft.com/office/2006/metadata/properties" xmlns:ns2="b740b36e-b99c-49a0-b019-437cc47e4c8e" xmlns:ns3="acbac44e-525f-4e30-b942-9873fcf883ff" targetNamespace="http://schemas.microsoft.com/office/2006/metadata/properties" ma:root="true" ma:fieldsID="2f0e86acb5fc9b3804ee16096d6034c4" ns2:_="" ns3:_="">
    <xsd:import namespace="b740b36e-b99c-49a0-b019-437cc47e4c8e"/>
    <xsd:import namespace="acbac44e-525f-4e30-b942-9873fcf883f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Location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740b36e-b99c-49a0-b019-437cc47e4c8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5" nillable="true" ma:displayName="Length (seconds)" ma:internalName="MediaLengthInSeconds" ma:readOnly="true">
      <xsd:simpleType>
        <xsd:restriction base="dms:Unknown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948f71b8-5660-4508-9671-02390a85f4b3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cbac44e-525f-4e30-b942-9873fcf883ff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a97ce604-e383-48ce-85b0-7aa1475564af}" ma:internalName="TaxCatchAll" ma:showField="CatchAllData" ma:web="acbac44e-525f-4e30-b942-9873fcf883f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258825004048482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825882500412259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1F601B52-E543-4F04-AC3D-890A39608928}">
  <ds:schemaRefs/>
</ds:datastoreItem>
</file>

<file path=customXml/itemProps10.xml><?xml version="1.0" encoding="utf-8"?>
<ds:datastoreItem xmlns:ds="http://schemas.openxmlformats.org/officeDocument/2006/customXml" ds:itemID="{64DF5FCA-A164-4DA5-9304-3459C3069981}">
  <ds:schemaRefs/>
</ds:datastoreItem>
</file>

<file path=customXml/itemProps11.xml><?xml version="1.0" encoding="utf-8"?>
<ds:datastoreItem xmlns:ds="http://schemas.openxmlformats.org/officeDocument/2006/customXml" ds:itemID="{7376349B-E7D1-4FF4-B439-F81632551487}">
  <ds:schemaRefs/>
</ds:datastoreItem>
</file>

<file path=customXml/itemProps12.xml><?xml version="1.0" encoding="utf-8"?>
<ds:datastoreItem xmlns:ds="http://schemas.openxmlformats.org/officeDocument/2006/customXml" ds:itemID="{25E80E91-7365-42D0-BB2E-A257110C419C}">
  <ds:schemaRefs/>
</ds:datastoreItem>
</file>

<file path=customXml/itemProps13.xml><?xml version="1.0" encoding="utf-8"?>
<ds:datastoreItem xmlns:ds="http://schemas.openxmlformats.org/officeDocument/2006/customXml" ds:itemID="{F905D91D-D052-4EF6-AFD6-A3C410A3730D}">
  <ds:schemaRefs/>
</ds:datastoreItem>
</file>

<file path=customXml/itemProps14.xml><?xml version="1.0" encoding="utf-8"?>
<ds:datastoreItem xmlns:ds="http://schemas.openxmlformats.org/officeDocument/2006/customXml" ds:itemID="{DCF93085-7A13-43DA-A05D-E0BB2ECB53E4}">
  <ds:schemaRefs/>
</ds:datastoreItem>
</file>

<file path=customXml/itemProps15.xml><?xml version="1.0" encoding="utf-8"?>
<ds:datastoreItem xmlns:ds="http://schemas.openxmlformats.org/officeDocument/2006/customXml" ds:itemID="{70DAAA54-0E08-4C82-8903-52D409CA1630}">
  <ds:schemaRefs/>
</ds:datastoreItem>
</file>

<file path=customXml/itemProps16.xml><?xml version="1.0" encoding="utf-8"?>
<ds:datastoreItem xmlns:ds="http://schemas.openxmlformats.org/officeDocument/2006/customXml" ds:itemID="{A1D5F781-8738-4965-B0C2-905FCC937155}">
  <ds:schemaRefs/>
</ds:datastoreItem>
</file>

<file path=customXml/itemProps2.xml><?xml version="1.0" encoding="utf-8"?>
<ds:datastoreItem xmlns:ds="http://schemas.openxmlformats.org/officeDocument/2006/customXml" ds:itemID="{FD2CC049-3131-4144-8159-F7A6601EFCD5}">
  <ds:schemaRefs/>
</ds:datastoreItem>
</file>

<file path=customXml/itemProps3.xml><?xml version="1.0" encoding="utf-8"?>
<ds:datastoreItem xmlns:ds="http://schemas.openxmlformats.org/officeDocument/2006/customXml" ds:itemID="{2CA0A894-7D02-488A-B467-2E2A02BFC7C1}">
  <ds:schemaRefs>
    <ds:schemaRef ds:uri="http://schemas.openxmlformats.org/package/2006/metadata/core-properties"/>
    <ds:schemaRef ds:uri="http://www.w3.org/XML/1998/namespace"/>
    <ds:schemaRef ds:uri="http://purl.org/dc/elements/1.1/"/>
    <ds:schemaRef ds:uri="http://schemas.microsoft.com/office/2006/metadata/properties"/>
    <ds:schemaRef ds:uri="http://purl.org/dc/dcmitype/"/>
    <ds:schemaRef ds:uri="http://schemas.microsoft.com/office/2006/documentManagement/types"/>
    <ds:schemaRef ds:uri="b740b36e-b99c-49a0-b019-437cc47e4c8e"/>
    <ds:schemaRef ds:uri="http://schemas.microsoft.com/office/infopath/2007/PartnerControls"/>
    <ds:schemaRef ds:uri="acbac44e-525f-4e30-b942-9873fcf883ff"/>
    <ds:schemaRef ds:uri="http://purl.org/dc/terms/"/>
  </ds:schemaRefs>
</ds:datastoreItem>
</file>

<file path=customXml/itemProps4.xml><?xml version="1.0" encoding="utf-8"?>
<ds:datastoreItem xmlns:ds="http://schemas.openxmlformats.org/officeDocument/2006/customXml" ds:itemID="{0CF19C7A-118E-4754-9F73-37782EAE42E2}">
  <ds:schemaRefs/>
</ds:datastoreItem>
</file>

<file path=customXml/itemProps5.xml><?xml version="1.0" encoding="utf-8"?>
<ds:datastoreItem xmlns:ds="http://schemas.openxmlformats.org/officeDocument/2006/customXml" ds:itemID="{B310D7D5-CDFF-421C-A848-BC83FE072B0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740b36e-b99c-49a0-b019-437cc47e4c8e"/>
    <ds:schemaRef ds:uri="acbac44e-525f-4e30-b942-9873fcf883f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A0AB863B-ADC7-4F66-BCF8-FFF3ACB45389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9455AF22-1A53-447B-AD31-1F1B067A7718}">
  <ds:schemaRefs/>
</ds:datastoreItem>
</file>

<file path=customXml/itemProps8.xml><?xml version="1.0" encoding="utf-8"?>
<ds:datastoreItem xmlns:ds="http://schemas.openxmlformats.org/officeDocument/2006/customXml" ds:itemID="{72635548-5EB2-4736-B4F7-5F0F579CD2C9}">
  <ds:schemaRefs/>
</ds:datastoreItem>
</file>

<file path=customXml/itemProps9.xml><?xml version="1.0" encoding="utf-8"?>
<ds:datastoreItem xmlns:ds="http://schemas.openxmlformats.org/officeDocument/2006/customXml" ds:itemID="{8DCFF1ED-C849-41D9-B4A1-4CF3A92CD80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V Master Template_20200514</Template>
  <TotalTime>1254</TotalTime>
  <Words>489</Words>
  <Application>Microsoft Office PowerPoint</Application>
  <PresentationFormat>Widescreen</PresentationFormat>
  <Paragraphs>107</Paragraphs>
  <Slides>7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1" baseType="lpstr">
      <vt:lpstr>Aptos Narrow</vt:lpstr>
      <vt:lpstr>Arial</vt:lpstr>
      <vt:lpstr>Arial Nova Light</vt:lpstr>
      <vt:lpstr>Hitachi Energy</vt:lpstr>
      <vt:lpstr>User Acceptance Testing Automation – Productivity Time Savings</vt:lpstr>
      <vt:lpstr>UAT Automation</vt:lpstr>
      <vt:lpstr>UAT Automation</vt:lpstr>
      <vt:lpstr>Steps for UAT automation using SPACE_UAT.exe</vt:lpstr>
      <vt:lpstr>Estimated Productivity Hours Savings. 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iscover Hitachi Energy</dc:title>
  <dc:creator>Hariharan Sakthivel</dc:creator>
  <cp:lastModifiedBy>Chidharth M</cp:lastModifiedBy>
  <cp:revision>47</cp:revision>
  <dcterms:created xsi:type="dcterms:W3CDTF">2023-11-02T03:47:09Z</dcterms:created>
  <dcterms:modified xsi:type="dcterms:W3CDTF">2025-06-05T05:57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InfoFinished">
    <vt:lpwstr>True</vt:lpwstr>
  </property>
  <property fmtid="{D5CDD505-2E9C-101B-9397-08002B2CF9AE}" pid="3" name="TemplafyTimeStamp">
    <vt:lpwstr>2023-07-28T10:30:13</vt:lpwstr>
  </property>
  <property fmtid="{D5CDD505-2E9C-101B-9397-08002B2CF9AE}" pid="4" name="ContentTypeId">
    <vt:lpwstr>0x010100ED7D32633D55E94B9360E9CD3E41F369</vt:lpwstr>
  </property>
  <property fmtid="{D5CDD505-2E9C-101B-9397-08002B2CF9AE}" pid="5" name="TemplateRevisionId">
    <vt:lpwstr>3</vt:lpwstr>
  </property>
  <property fmtid="{D5CDD505-2E9C-101B-9397-08002B2CF9AE}" pid="6" name="PreparedDate">
    <vt:lpwstr>2023-11-02</vt:lpwstr>
  </property>
  <property fmtid="{D5CDD505-2E9C-101B-9397-08002B2CF9AE}" pid="7" name="TemplafyTenantId">
    <vt:lpwstr>hitachienergy</vt:lpwstr>
  </property>
  <property fmtid="{D5CDD505-2E9C-101B-9397-08002B2CF9AE}" pid="8" name="TemplafyTemplateId">
    <vt:lpwstr>638144822906495157</vt:lpwstr>
  </property>
  <property fmtid="{D5CDD505-2E9C-101B-9397-08002B2CF9AE}" pid="9" name="TemplafyUserProfileId">
    <vt:lpwstr>638171720979590133</vt:lpwstr>
  </property>
  <property fmtid="{D5CDD505-2E9C-101B-9397-08002B2CF9AE}" pid="10" name="TemplafyLanguageCode">
    <vt:lpwstr>en-US</vt:lpwstr>
  </property>
  <property fmtid="{D5CDD505-2E9C-101B-9397-08002B2CF9AE}" pid="11" name="SecurityLevel">
    <vt:lpwstr>Internal</vt:lpwstr>
  </property>
  <property fmtid="{D5CDD505-2E9C-101B-9397-08002B2CF9AE}" pid="12" name="CreatorName">
    <vt:lpwstr>Hariharan  S</vt:lpwstr>
  </property>
  <property fmtid="{D5CDD505-2E9C-101B-9397-08002B2CF9AE}" pid="13" name="DocumentKind">
    <vt:lpwstr>Presentation</vt:lpwstr>
  </property>
  <property fmtid="{D5CDD505-2E9C-101B-9397-08002B2CF9AE}" pid="14" name="DocumentId">
    <vt:lpwstr>Price Update Automation</vt:lpwstr>
  </property>
  <property fmtid="{D5CDD505-2E9C-101B-9397-08002B2CF9AE}" pid="15" name="CopyrightYear">
    <vt:lpwstr>2023</vt:lpwstr>
  </property>
  <property fmtid="{D5CDD505-2E9C-101B-9397-08002B2CF9AE}" pid="16" name="DocumentRevisionId">
    <vt:lpwstr>A</vt:lpwstr>
  </property>
  <property fmtid="{D5CDD505-2E9C-101B-9397-08002B2CF9AE}" pid="17" name="PreparedByPerson">
    <vt:lpwstr>Hariharan  S</vt:lpwstr>
  </property>
  <property fmtid="{D5CDD505-2E9C-101B-9397-08002B2CF9AE}" pid="18" name="TemplafyFromBlank">
    <vt:bool>false</vt:bool>
  </property>
  <property fmtid="{D5CDD505-2E9C-101B-9397-08002B2CF9AE}" pid="19" name="MediaServiceImageTags">
    <vt:lpwstr/>
  </property>
</Properties>
</file>